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persons/person.xml" ContentType="application/vnd.ms-excel.perso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929"/>
  <workbookPr/>
  <mc:AlternateContent xmlns:mc="http://schemas.openxmlformats.org/markup-compatibility/2006">
    <mc:Choice Requires="x15">
      <x15ac:absPath xmlns:x15ac="http://schemas.microsoft.com/office/spreadsheetml/2010/11/ac" url="https://firstmajesticom-my.sharepoint.com/personal/jlennartz_firstmajestic_com/Documents/Documents/01 - Work/FM Publications/FY2025/SR25/Index/"/>
    </mc:Choice>
  </mc:AlternateContent>
  <xr:revisionPtr revIDLastSave="4" documentId="8_{B56E22D8-A26D-40FA-BA03-1E7323F3BEE5}" xr6:coauthVersionLast="47" xr6:coauthVersionMax="47" xr10:uidLastSave="{15095D3C-1DBF-4810-93C0-9F1655893DCB}"/>
  <bookViews>
    <workbookView xWindow="45960" yWindow="-7950" windowWidth="29040" windowHeight="15720" xr2:uid="{3288CE62-933B-384A-B492-E3C744E67A6A}"/>
  </bookViews>
  <sheets>
    <sheet name="Cover Page" sheetId="1" r:id="rId1"/>
    <sheet name="SASB" sheetId="2" r:id="rId2"/>
    <sheet name="GRI" sheetId="3" r:id="rId3"/>
    <sheet name="TCFD" sheetId="4" r:id="rId4"/>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488" uniqueCount="386">
  <si>
    <t>Source References:</t>
  </si>
  <si>
    <t>First Majestic Tailings Management Webpage</t>
  </si>
  <si>
    <t>Sustainability Accounting Standards Board - Mining &amp; Metals</t>
  </si>
  <si>
    <t>Category</t>
  </si>
  <si>
    <t>Accounting Code</t>
  </si>
  <si>
    <t>Description</t>
  </si>
  <si>
    <t>Disclosure Type</t>
  </si>
  <si>
    <t>Where to find or direct response</t>
  </si>
  <si>
    <t>Greenhouse Gas Emissions</t>
  </si>
  <si>
    <t>EM-MM-110a.1</t>
  </si>
  <si>
    <t>(1) Gross global Scope 1 emissions, (2) percentage covered under emissions-limiting regulations</t>
  </si>
  <si>
    <t>Quantitative</t>
  </si>
  <si>
    <t>EM-MM-110a.2</t>
  </si>
  <si>
    <t>Discussion of long-term and short-term strategy or plan to manage Scope 1 emissions, emissions reduction targets, and an analysis of performance against those targets</t>
  </si>
  <si>
    <t>Discussion and analysis</t>
  </si>
  <si>
    <t>2025 Sustainability Report, 
'Energy, Carbon and Climate' chapter</t>
  </si>
  <si>
    <t>Air Quality</t>
  </si>
  <si>
    <t>EM-MM-120a.1</t>
  </si>
  <si>
    <t>Air emissions of following pollutants: (1) CO, (2) NOx, (3) SOx, (4) PM10, (5) mercury, (6) lead, and (7) VOCs</t>
  </si>
  <si>
    <t>Energy Management</t>
  </si>
  <si>
    <t>EM-MM-130a.1</t>
  </si>
  <si>
    <t>(1) Total energy consumed, (2) percentage grid electricity, (3) percentage renewable</t>
  </si>
  <si>
    <t>Water Management</t>
  </si>
  <si>
    <t>EM-MM-140a.1</t>
  </si>
  <si>
    <t>(1) Total water withdrawn, (2) total water consumed, (3) percentage of each in regions with High or Extremely High Baseline Water Stress</t>
  </si>
  <si>
    <t>2025 Sustainability Report, 
'Water' chapter, 
'Our Performance in 2025' section</t>
  </si>
  <si>
    <t>EM-MM-140a.2</t>
  </si>
  <si>
    <t>Number of incidents of non-compliance associated with water quality permits, standards, and regulations</t>
  </si>
  <si>
    <t>Waste &amp; Hazardous Materials Management</t>
  </si>
  <si>
    <t>EM-MM-150a.4</t>
  </si>
  <si>
    <t>Total weight of non-mineral waste generated</t>
  </si>
  <si>
    <t>2025 Sustainability Report, 
'Waste' chapter, 
'Our Performance in 2025' section; 
historic data available in the 2025 Data Download</t>
  </si>
  <si>
    <t>EM-MM-150a.5</t>
  </si>
  <si>
    <t>Total weight of tailings produced</t>
  </si>
  <si>
    <t>EM-MM-150a.6</t>
  </si>
  <si>
    <t>Total weight of waste rock generated</t>
  </si>
  <si>
    <t>EM-MM-150a.7</t>
  </si>
  <si>
    <t>Total weight of hazardous waste generated</t>
  </si>
  <si>
    <t>EM-MM-150a.8</t>
  </si>
  <si>
    <t>Total weight of hazardous waste recycled</t>
  </si>
  <si>
    <t>EM-MM-150a.9</t>
  </si>
  <si>
    <t>Number of significant incidents associated with hazardous materials and waste management</t>
  </si>
  <si>
    <t>EM-MM-150a.10</t>
  </si>
  <si>
    <t>Description of waste and hazardous materials management policies and procedures for active and inactive operations</t>
  </si>
  <si>
    <t>Discussion and Analysis</t>
  </si>
  <si>
    <t>2025 Sustainability Report, 
'Waste' chapter, 
'Our Approach to Waste Management' section</t>
  </si>
  <si>
    <t>Biodiversity Impacts</t>
  </si>
  <si>
    <t>EM-MM-160a.1</t>
  </si>
  <si>
    <t>Description of environmental management policies and practices for active sites</t>
  </si>
  <si>
    <t>Environmental Management Policy</t>
  </si>
  <si>
    <t>EM-MM-160a.2</t>
  </si>
  <si>
    <t>Percentage of mine sites where acid rock drainage is: (1) predicted to occur, (2) actively mitigated, (3) under treatment or remediation</t>
  </si>
  <si>
    <t>EM-MM-160a.3</t>
  </si>
  <si>
    <t>Percentage of (1) proved and (2) probable reserves in or near sites with protected conservation status or endangered species habitat</t>
  </si>
  <si>
    <t>Security, Human Rights &amp; Rights of Indigenous Peoples</t>
  </si>
  <si>
    <t>EM-MM-210a.1</t>
  </si>
  <si>
    <t>Percentage of (1) proved and (2) probable reserves in or near areas of conflict</t>
  </si>
  <si>
    <t>EM-MM-210a.2</t>
  </si>
  <si>
    <t>Percentage of (1) proved and (2) probable reserves in or near indigenous land</t>
  </si>
  <si>
    <t>EM-MM-210a.3</t>
  </si>
  <si>
    <t>Discussion of engagement processes and due diligence practices with respect to human rights, indigenous rights, and operation in areas of conflict</t>
  </si>
  <si>
    <t>Community Relations</t>
  </si>
  <si>
    <t>EM-MM-210b.1</t>
  </si>
  <si>
    <t>Discussion of process to manage risks and opportunities associated with community rights and interests</t>
  </si>
  <si>
    <t>2025 Sustainability Report, 
'Local Communities' chapter, 
'Our Approach to Local Communities' section</t>
  </si>
  <si>
    <t>EM-MM-210b.2</t>
  </si>
  <si>
    <t>(1) Number and (2) duration of non-technical delays</t>
  </si>
  <si>
    <t>2025 Data Download, 
'Communities' tab</t>
  </si>
  <si>
    <t>Labour Relations</t>
  </si>
  <si>
    <t>EM-MM-310a.1</t>
  </si>
  <si>
    <t>Percentage of active workforce covered under collective bargaining agreements, broken down by U.S. and foreign employees</t>
  </si>
  <si>
    <t>2025 Sustainability Report, 
'Our People' chapter, 
'Labour Relations' section</t>
  </si>
  <si>
    <t>EM-MM-310a.2</t>
  </si>
  <si>
    <t>(1) Number and (2) duration of strikes and lockouts</t>
  </si>
  <si>
    <t>Workforce Health &amp; Safety</t>
  </si>
  <si>
    <t>EM-MM-320a.1</t>
  </si>
  <si>
    <t>(1) MSHA all-incidence rate, (2) fatality rate, (3) near miss frequency rate (NMFR), and (4) average hours of health, safety, and emergency response training for (a) full-time employees and (b) contract employees</t>
  </si>
  <si>
    <t>2025 Data Download, 
'Health &amp; Safety' tab</t>
  </si>
  <si>
    <t>Business Ethics and Transparency</t>
  </si>
  <si>
    <t>EM-MM-501a.1</t>
  </si>
  <si>
    <t>Description of the management system for prevention of corruption and bribery throughout the value chain</t>
  </si>
  <si>
    <t>2025 Sustainability Report, 
'Ethics and Transparency' chapter, 
'Anti-Bribery and Corruption' section</t>
  </si>
  <si>
    <t>EM-MM-501a.2</t>
  </si>
  <si>
    <t>Production in countries that have the 20 lowest rankings in Transparency International’s Corruption Perceptions Index</t>
  </si>
  <si>
    <t>0% of our production is within countries with the 20 lowest rankings in the 2025 Corruption Perceptions Index</t>
  </si>
  <si>
    <t>Tailings Storage Facilities Management</t>
  </si>
  <si>
    <t>EM-MM-540a.1</t>
  </si>
  <si>
    <t>Tailings storage facility inventory table: (1) facility name, (2) location, (3) ownership status, (4) operational status, (5) construction method, (6) maximum permitted storage capacity, (7) current amount of tailings stored, (8) consequence classification, (9) date of most recent independent technical review, (10) material findings, (11) mitigation measures, (12) site-specific EPRP</t>
  </si>
  <si>
    <t>A table of tailings facilities is available for download at our Tailings Management webpage: https://www.firstmajestic.com/sustainability/tailings-management/</t>
  </si>
  <si>
    <t>EM-MM-540a.2</t>
  </si>
  <si>
    <t>Summary of tailings management systems and governance structure used to monitor and maintain the stability of tailings storage facilities</t>
  </si>
  <si>
    <t>2025 Sustainability Report, 
'Tailings' chapter, 
'Our Approach to Tailings Management' section</t>
  </si>
  <si>
    <t>EM-MM-540a.3</t>
  </si>
  <si>
    <t>Approach to development of Emergency Preparedness and Response Plans (EPRPs) for tailings storage facilities</t>
  </si>
  <si>
    <t>A description of our tailings-related emergency preparedness and response is available at our Tailings Management webpage: https://www.firstmajestic.com/sustainability/tailings-management/</t>
  </si>
  <si>
    <t>Activity Metrics - Scale of the Business</t>
  </si>
  <si>
    <t>EM-MM-000.A</t>
  </si>
  <si>
    <t>Production of (1) metal ores and (2) finished metal products</t>
  </si>
  <si>
    <t>2025 Annual Report; 
2025 Sustainability Report</t>
  </si>
  <si>
    <t>Total number of employees, percentage contractors</t>
  </si>
  <si>
    <t>2025 Data Download, 
'Our Workforce' tab</t>
  </si>
  <si>
    <t>Global Reporting Initiative</t>
  </si>
  <si>
    <t>First Majestic has reported the information cited in this GRI content index for the period of January 1st 2025 to December 31st 2025 with reference to the GRI Standards.</t>
  </si>
  <si>
    <t>Topic</t>
  </si>
  <si>
    <t>Standard</t>
  </si>
  <si>
    <t>Indicator</t>
  </si>
  <si>
    <t>GRI 2: General Disclosures</t>
  </si>
  <si>
    <t>Organization and Reporting</t>
  </si>
  <si>
    <t>2-1</t>
  </si>
  <si>
    <t>Organizational details</t>
  </si>
  <si>
    <t>2025 Sustainability Report, 
'About First Majestic' chapter</t>
  </si>
  <si>
    <t>2-2</t>
  </si>
  <si>
    <t>Entities included in the organization's sustainability reporting</t>
  </si>
  <si>
    <t>2-3</t>
  </si>
  <si>
    <t>Reporting period, frequency, and contact point</t>
  </si>
  <si>
    <t>2-4</t>
  </si>
  <si>
    <t>Restatements of information</t>
  </si>
  <si>
    <t>If data has been re-stated, it is noted in a footnote within the 2025 Data Download.</t>
  </si>
  <si>
    <t>Activities and Workers</t>
  </si>
  <si>
    <t>2-7</t>
  </si>
  <si>
    <t>Employees</t>
  </si>
  <si>
    <t>2025 Sustainability Report, 
'Our People' chapter, 
'Our Performance in 2025' section</t>
  </si>
  <si>
    <t>2-8</t>
  </si>
  <si>
    <t>Workers who are not employees</t>
  </si>
  <si>
    <t>2026 Sustainability Report, 
'Our People' chapter, 
'Our Performance in 2025' section</t>
  </si>
  <si>
    <t>Governance</t>
  </si>
  <si>
    <t>2-9</t>
  </si>
  <si>
    <t>Governance Structure and Composition</t>
  </si>
  <si>
    <t>2-10</t>
  </si>
  <si>
    <t>Nomination and selection of the highest governance body</t>
  </si>
  <si>
    <t>2026 Management Information Circular, 
'Nomination of Directors'</t>
  </si>
  <si>
    <t>2-11</t>
  </si>
  <si>
    <t>Chair of the highest governance body</t>
  </si>
  <si>
    <t>2026 Management Information Circular, 
'Board of Directors', 
'Chair'</t>
  </si>
  <si>
    <t>2-12</t>
  </si>
  <si>
    <t>Role of the highest governance body in overseeing the management of impacts</t>
  </si>
  <si>
    <t>2-13</t>
  </si>
  <si>
    <t>Delegation of responsibility for managing impacts</t>
  </si>
  <si>
    <t>Sustainability Committee Mandate</t>
  </si>
  <si>
    <t>2-14</t>
  </si>
  <si>
    <t>Role of the highest governance body in sustainability reporting</t>
  </si>
  <si>
    <t>2-15</t>
  </si>
  <si>
    <t xml:space="preserve">Conflicts of interest </t>
  </si>
  <si>
    <t>Code of Ethical Conduct, 
Section 12: 'Conflicts of Interest.' 
No conflicts of interest have been identified in the reporting year.</t>
  </si>
  <si>
    <t>2-16</t>
  </si>
  <si>
    <t>Communication of critical concerns</t>
  </si>
  <si>
    <t>Whistleblower Policy</t>
  </si>
  <si>
    <t>2-17</t>
  </si>
  <si>
    <t>Collective knowledge of the highest governance body</t>
  </si>
  <si>
    <t>2026 Management Information Circular, 
'Director Qualifications'</t>
  </si>
  <si>
    <t>2-18</t>
  </si>
  <si>
    <t>Evaluation of the performance of the higher governance body</t>
  </si>
  <si>
    <t>2026 Management Information Circular, 
'Assessments'</t>
  </si>
  <si>
    <t>2-19</t>
  </si>
  <si>
    <t>Remuneration policies</t>
  </si>
  <si>
    <t>2026 Management Information Circular, 
'Executive Compensation'</t>
  </si>
  <si>
    <t>2-20</t>
  </si>
  <si>
    <t>Process to determine remuneration</t>
  </si>
  <si>
    <t>Strategy, Policies and Practices</t>
  </si>
  <si>
    <t>2-22</t>
  </si>
  <si>
    <t>Statement on sustainable development strategy</t>
  </si>
  <si>
    <t>2-23</t>
  </si>
  <si>
    <t>Policy commitments</t>
  </si>
  <si>
    <t>2-26</t>
  </si>
  <si>
    <t xml:space="preserve">Mechanisms for seeking advice and raising concerns </t>
  </si>
  <si>
    <t>2-27</t>
  </si>
  <si>
    <t>Compliance with laws and regulations</t>
  </si>
  <si>
    <t>Code of Ethical Conduct, 
Section 1: 'Compliance with Laws, Rules, and Regulations'</t>
  </si>
  <si>
    <t>Stakeholder Engagement</t>
  </si>
  <si>
    <t>2-29</t>
  </si>
  <si>
    <t xml:space="preserve">Approach to stakeholder engagement </t>
  </si>
  <si>
    <t>2025 Sustainability Report, 
'Social Impact' chapter,
'Local Communities' section</t>
  </si>
  <si>
    <t>2-30</t>
  </si>
  <si>
    <t xml:space="preserve">Collective bargaining agreements </t>
  </si>
  <si>
    <t>GRI 3: Material Topics</t>
  </si>
  <si>
    <t>Management Approach</t>
  </si>
  <si>
    <t>3-1</t>
  </si>
  <si>
    <t xml:space="preserve">Process to determine material topics </t>
  </si>
  <si>
    <t>3-2</t>
  </si>
  <si>
    <t>List of material topics</t>
  </si>
  <si>
    <t>3-3</t>
  </si>
  <si>
    <t xml:space="preserve">Management of material topics </t>
  </si>
  <si>
    <t>See individual topic chapters in 2025 Sustainability Report, 
'Our Approach to … Management' sections</t>
  </si>
  <si>
    <t>GRI 200: Economic</t>
  </si>
  <si>
    <t>Economic Performance</t>
  </si>
  <si>
    <t>201-1</t>
  </si>
  <si>
    <t>Direct economic value generated and distributed</t>
  </si>
  <si>
    <t>2025 Data Download, 
'Supply Chain' tab</t>
  </si>
  <si>
    <t>201-2</t>
  </si>
  <si>
    <t xml:space="preserve">Financial implications and other risks and opportunities due to climate change </t>
  </si>
  <si>
    <t>Procurement Practices</t>
  </si>
  <si>
    <t>How we manage this topic</t>
  </si>
  <si>
    <t>2025 Sustainability Report, 
'Supply Chain' chapter, 
'Our Approach to Supply Chain Management' section</t>
  </si>
  <si>
    <t>Anti-Corruption</t>
  </si>
  <si>
    <t>Code of Ethical Conduct,
Section 14: 'Anti-Bribery and Anti-Corruption'</t>
  </si>
  <si>
    <t>Tax</t>
  </si>
  <si>
    <t>207-4</t>
  </si>
  <si>
    <t>Country-by-country reporting</t>
  </si>
  <si>
    <t>Country-by-country reporting is available in our Extractive Sector Transparency Measures Act (ESTMA) disclosure archives, available at: https://www.firstmajestic.com/investors/reports-filings/</t>
  </si>
  <si>
    <t>GRI 300: Environment</t>
  </si>
  <si>
    <t>Energy</t>
  </si>
  <si>
    <t>302-1</t>
  </si>
  <si>
    <t>Energy consumption within the organization</t>
  </si>
  <si>
    <t>302-3</t>
  </si>
  <si>
    <t>Energy intensity</t>
  </si>
  <si>
    <t>302-4</t>
  </si>
  <si>
    <t>Reduction of energy consumption</t>
  </si>
  <si>
    <t>Water</t>
  </si>
  <si>
    <t>2025 Sustainability Report, 
'Water' chapter</t>
  </si>
  <si>
    <t>303-1</t>
  </si>
  <si>
    <t>Interactions with water as a shared resource</t>
  </si>
  <si>
    <t>303-2</t>
  </si>
  <si>
    <t>Management of water discharge-related impacts</t>
  </si>
  <si>
    <t>303-3</t>
  </si>
  <si>
    <t>Water withdrawal</t>
  </si>
  <si>
    <t>303-4</t>
  </si>
  <si>
    <t>Water discharge</t>
  </si>
  <si>
    <t>303-5</t>
  </si>
  <si>
    <t>Water consumption</t>
  </si>
  <si>
    <t>Biodiversity</t>
  </si>
  <si>
    <t>2025 Sustainability Report, 
'Biodiversity and Land Use' chapter</t>
  </si>
  <si>
    <t>101-1</t>
  </si>
  <si>
    <t>Policies to halt or reverse biodiversity loss</t>
  </si>
  <si>
    <t>101-2</t>
  </si>
  <si>
    <t>Management of biodiversity impacts</t>
  </si>
  <si>
    <t>101-3</t>
  </si>
  <si>
    <t>Access and benefit sharing</t>
  </si>
  <si>
    <t>2025 Sustainability Report, 
'Biodiversity and Land Use' chapter
2025 Sustainability Report, 
'Local Communities' chapter</t>
  </si>
  <si>
    <t>101-4</t>
  </si>
  <si>
    <t>Identification of biodiversity impacts</t>
  </si>
  <si>
    <t>2026 Sustainability Report, 
'Biodiversity and Land Use' chapter
Please see EM-MM-160a.3</t>
  </si>
  <si>
    <t>101-5</t>
  </si>
  <si>
    <t>Locations with biodiversity impacts</t>
  </si>
  <si>
    <t>101-6</t>
  </si>
  <si>
    <t>Direct drivers of biodiversity loss</t>
  </si>
  <si>
    <t>101-7</t>
  </si>
  <si>
    <t>Changes to the state of biodiversity</t>
  </si>
  <si>
    <t>101-8</t>
  </si>
  <si>
    <t>Ecosystem services</t>
  </si>
  <si>
    <t>G4-MM1</t>
  </si>
  <si>
    <t>Amount of land (owned or leased, and managed for production activities or extractive use) disturbed or rehabilitated</t>
  </si>
  <si>
    <t>Emissions</t>
  </si>
  <si>
    <t>305-1</t>
  </si>
  <si>
    <t>Direct (Scope 1) GHG emissions</t>
  </si>
  <si>
    <t>305-2</t>
  </si>
  <si>
    <t>Energy indirect (Scope 2) GHG emissions</t>
  </si>
  <si>
    <t>305-3</t>
  </si>
  <si>
    <t>Other indirect (Scope 2) GHG emissions</t>
  </si>
  <si>
    <t>305-4</t>
  </si>
  <si>
    <t>GHG emissions intensity</t>
  </si>
  <si>
    <t>305-5</t>
  </si>
  <si>
    <t>Reduction of GHG emissions</t>
  </si>
  <si>
    <t>305-7</t>
  </si>
  <si>
    <t xml:space="preserve">Nitrogen oxides (NOX), sulfur oxides (SOX), and other significant air emissions </t>
  </si>
  <si>
    <t>Waste</t>
  </si>
  <si>
    <t>2025 Sustainability Report, 
'Waste' chapter</t>
  </si>
  <si>
    <t>306-1</t>
  </si>
  <si>
    <t>Waste generation and significant waste-related impacts</t>
  </si>
  <si>
    <t>306-2</t>
  </si>
  <si>
    <t>Management of significant waste-related impacts</t>
  </si>
  <si>
    <t>306-3 (GRI 306:2020)</t>
  </si>
  <si>
    <t xml:space="preserve">Waste generated </t>
  </si>
  <si>
    <t>306-4</t>
  </si>
  <si>
    <t>Waste diverted from disposal</t>
  </si>
  <si>
    <t>306-5</t>
  </si>
  <si>
    <t>Waste directed to disposal</t>
  </si>
  <si>
    <t>G4 MM3</t>
  </si>
  <si>
    <t>Total amount of overburden, rock, tailings, and sludges and their associated risks</t>
  </si>
  <si>
    <t>Supplier Environmental Assessment</t>
  </si>
  <si>
    <t>2025 Sustainability Report, 
'Supply Chain' chapter</t>
  </si>
  <si>
    <t>GRI 400: Social</t>
  </si>
  <si>
    <t>Employment</t>
  </si>
  <si>
    <t>2025 Sustainability Report, 
'Our People' chapter</t>
  </si>
  <si>
    <t>401-1</t>
  </si>
  <si>
    <t>New employee hires and employee turnover</t>
  </si>
  <si>
    <t>Labour Management</t>
  </si>
  <si>
    <t>G4 MM4</t>
  </si>
  <si>
    <t>Number of strikes and lock-outs exceeding one week's duration</t>
  </si>
  <si>
    <t>Occupational Health and Safety</t>
  </si>
  <si>
    <t>2025 Sustainability Report, 
'Health and Safety' chapter</t>
  </si>
  <si>
    <t>403-1</t>
  </si>
  <si>
    <t>Occupational health and safety management system</t>
  </si>
  <si>
    <t>403-2</t>
  </si>
  <si>
    <t>Hazard identification, risk assessment, and incident investigation</t>
  </si>
  <si>
    <t>403-3</t>
  </si>
  <si>
    <t>Occupational health services</t>
  </si>
  <si>
    <t>403-5</t>
  </si>
  <si>
    <t>Worker training on occupational health and safety</t>
  </si>
  <si>
    <t>403-6</t>
  </si>
  <si>
    <t>Promotion of worker health</t>
  </si>
  <si>
    <t>403-7</t>
  </si>
  <si>
    <t xml:space="preserve">Prevention and mitigation of occupational health and safety impacts directly linked by business relationships </t>
  </si>
  <si>
    <t>403-8</t>
  </si>
  <si>
    <t>Workers covered by an occupational health and safety (OHS) management system</t>
  </si>
  <si>
    <t>403-9</t>
  </si>
  <si>
    <t xml:space="preserve">Work-related injuries </t>
  </si>
  <si>
    <t>Diversity and Equal Opportunity</t>
  </si>
  <si>
    <t>405-1</t>
  </si>
  <si>
    <t>Diversity of governance bodies and employees</t>
  </si>
  <si>
    <t>405-2</t>
  </si>
  <si>
    <t>Ratio of basic salary and remuneration of women to men</t>
  </si>
  <si>
    <t>Non-Discrimination</t>
  </si>
  <si>
    <t>Code of Ethical Conduct, 
Section 17: 'Diversity and Non-Discrimination'</t>
  </si>
  <si>
    <t>Freedom of Association and Collective Bargaining</t>
  </si>
  <si>
    <t>Child Labour</t>
  </si>
  <si>
    <t>408-1</t>
  </si>
  <si>
    <t xml:space="preserve">Operations and suppliers at significant risk for incidents of child labour </t>
  </si>
  <si>
    <t>Forced or Compulsory Labour</t>
  </si>
  <si>
    <t>409-1</t>
  </si>
  <si>
    <t>Operations and suppliers at significant risk for incidents of forced compulsory labour</t>
  </si>
  <si>
    <t>Security Practices</t>
  </si>
  <si>
    <t>2025 Sustainability Report, 
'Physical and Cybersecurity' chapter
Security Policy</t>
  </si>
  <si>
    <t>410-1</t>
  </si>
  <si>
    <t>Security personnel trained in human rights policies or procedures</t>
  </si>
  <si>
    <t>Rights of Indigenous Peoples</t>
  </si>
  <si>
    <t>2025 Sustainability Report, 
'Local Communities' chapter, 
'Engaging with Indigenous Peoples' section</t>
  </si>
  <si>
    <t>GF MM5</t>
  </si>
  <si>
    <t>Total number of operations taking place in or adjacent to Indigenous Peoples' territories</t>
  </si>
  <si>
    <t>See SASB index, EM-MM-210a.2</t>
  </si>
  <si>
    <t>Local Communities</t>
  </si>
  <si>
    <t>2025 Sustainability Report, 
'Local Communities' chapter</t>
  </si>
  <si>
    <t>413-1</t>
  </si>
  <si>
    <t xml:space="preserve">Operations with local community engagement, impact assessments, and development programs </t>
  </si>
  <si>
    <t>Supplier Social Assessment</t>
  </si>
  <si>
    <t>Public Policy</t>
  </si>
  <si>
    <t>2025 Sustainability Report, 
'Relationships with Government' chapter</t>
  </si>
  <si>
    <t>415-1</t>
  </si>
  <si>
    <t xml:space="preserve">Political contributions </t>
  </si>
  <si>
    <t>First Majestic does not make political contributions. All payments to government are detailed in our ESTMA reporting.</t>
  </si>
  <si>
    <t>Other Disclosures</t>
  </si>
  <si>
    <t>Supplemental Disclosures</t>
  </si>
  <si>
    <t>GF MM10</t>
  </si>
  <si>
    <t xml:space="preserve">Number and percentage of operations with closure plans </t>
  </si>
  <si>
    <t>G4-DMA</t>
  </si>
  <si>
    <t>Emergency preparedness - existence of emergency plans and how these plans are prepared and maintained</t>
  </si>
  <si>
    <t xml:space="preserve">Taskforce for Climate-related Financial Disclosures </t>
  </si>
  <si>
    <t>Recommended Disclosure</t>
  </si>
  <si>
    <t>Describe the board's oversight of climate-related risks and opportunities</t>
  </si>
  <si>
    <t>Describe management's role in assessing and managing climate-related risks and opportunities</t>
  </si>
  <si>
    <t>Strategy</t>
  </si>
  <si>
    <t>Describe the climate-related risks and opportunities the organization has identified over the short, medium, and long term</t>
  </si>
  <si>
    <t>Describe the impact of climate-related risks and opportunities on the organization's businesses, strategy, and financial planning</t>
  </si>
  <si>
    <t>Describe the resilience of the organization's strategy, taking into consideration different climate-related scenarios, including a 2°C or lower scenario</t>
  </si>
  <si>
    <t>First Majestic does not currently perform scenario analysis in our sustainability strategy. We are aware of the uses of climate scenario analysis, and are assessing the potential to implement this approach in the future.</t>
  </si>
  <si>
    <t>Risk Management</t>
  </si>
  <si>
    <t>Describe the organization's processes for identifying and assessing climate-related risks</t>
  </si>
  <si>
    <t>Describe the organization's processes for managing climate-related risks</t>
  </si>
  <si>
    <t>Describe how processes for identifying, assessing, and managing climate-related risks are integrated into the organization's overall risk management</t>
  </si>
  <si>
    <t>Metrics &amp; Targets</t>
  </si>
  <si>
    <t>Disclose the metrics used by the organization to assess climate-related risks and opportunities in line with its strategy and risk management process</t>
  </si>
  <si>
    <t>Disclose Scope 1, Scope 2 and, if appropriate, Scope 3 greenhouse gas (GHG) emissions and the related risks</t>
  </si>
  <si>
    <t>Describe the targets used by the organization to manage climate-related risks and opportunities and performance against targets</t>
  </si>
  <si>
    <t>2025 Sustainability Report, 
'Energy, Carbon and Climate' chapter, 
'Our Approach to Energy, Carbon, and Climate Management' section</t>
  </si>
  <si>
    <t>Sustainability Reporting Hub, which contains:</t>
  </si>
  <si>
    <t>- 2025 Sustainability Report</t>
  </si>
  <si>
    <t>- 2025 Data Download</t>
  </si>
  <si>
    <r>
      <t xml:space="preserve">2025 Sustainability Report, 
'Energy, Carbon and Climate' chapter, 
'Our Performance in 2025' section
</t>
    </r>
    <r>
      <rPr>
        <sz val="11"/>
        <rFont val="Verdana"/>
        <family val="2"/>
        <scheme val="minor"/>
      </rPr>
      <t>2025 Data Download,
'Energy, Carbon &amp; Climate' tab</t>
    </r>
  </si>
  <si>
    <r>
      <t xml:space="preserve">2025 Sustainability Report, 
'Air Quality' chapter, 
'Our Performance in 2025' section, 
</t>
    </r>
    <r>
      <rPr>
        <sz val="11"/>
        <rFont val="Verdana"/>
        <family val="2"/>
        <scheme val="minor"/>
      </rPr>
      <t>2025 Data Download,
'Air Quality' tab</t>
    </r>
  </si>
  <si>
    <r>
      <t xml:space="preserve">2025 Sustainability Report, 
</t>
    </r>
    <r>
      <rPr>
        <sz val="11"/>
        <rFont val="Verdana"/>
        <family val="2"/>
        <scheme val="minor"/>
      </rPr>
      <t>'Tailings</t>
    </r>
    <r>
      <rPr>
        <sz val="11"/>
        <color theme="1"/>
        <rFont val="Verdana"/>
        <family val="2"/>
        <scheme val="minor"/>
      </rPr>
      <t>' chapter, 
'Our Performance in 2025' section; 
historic data available in the 2025 Data Download</t>
    </r>
  </si>
  <si>
    <r>
      <t xml:space="preserve">2025 Sustainability Report, 
'Water' chapter
</t>
    </r>
    <r>
      <rPr>
        <sz val="11"/>
        <rFont val="Verdana"/>
        <family val="2"/>
        <scheme val="minor"/>
      </rPr>
      <t>One</t>
    </r>
    <r>
      <rPr>
        <sz val="11"/>
        <color rgb="FF000000"/>
        <rFont val="Verdana"/>
        <family val="2"/>
        <scheme val="minor"/>
      </rPr>
      <t xml:space="preserve"> of four active mine sites is in a region with increased sulphide metals, all sites are actively mitigating metal leaching and acid rock drainage</t>
    </r>
  </si>
  <si>
    <r>
      <rPr>
        <sz val="11"/>
        <rFont val="Verdana"/>
        <family val="2"/>
        <scheme val="minor"/>
      </rPr>
      <t>0% of proved and 0% of p</t>
    </r>
    <r>
      <rPr>
        <sz val="11"/>
        <color rgb="FF000000"/>
        <rFont val="Verdana"/>
        <scheme val="minor"/>
      </rPr>
      <t xml:space="preserve">robable resources are in or near endangered species habitat as defined by SASB (IUCN Red List status of 'Critically Endangered' or 'Endangered'); 
</t>
    </r>
    <r>
      <rPr>
        <sz val="11"/>
        <rFont val="Verdana"/>
        <family val="2"/>
        <scheme val="minor"/>
      </rPr>
      <t xml:space="preserve">0% are in or </t>
    </r>
    <r>
      <rPr>
        <sz val="11"/>
        <color rgb="FF000000"/>
        <rFont val="Verdana"/>
        <scheme val="minor"/>
      </rPr>
      <t>near sites with protected conservation status (World Database of Protected Areas)</t>
    </r>
  </si>
  <si>
    <r>
      <rPr>
        <sz val="11"/>
        <rFont val="Verdana"/>
        <family val="2"/>
        <scheme val="minor"/>
      </rPr>
      <t xml:space="preserve">100% </t>
    </r>
    <r>
      <rPr>
        <sz val="11"/>
        <color rgb="FF000000"/>
        <rFont val="Verdana"/>
        <family val="2"/>
        <scheme val="minor"/>
      </rPr>
      <t>of proved and probable resources are in areas of conflict as defined by SASB (Uppsala Conflict Data Program record of at least 25 battle-related deaths in a year), aggregated to the country level; 
Please note that SASB mandates country-level granularity in measuring and reporting on conflict. While the result of this definition is that all First Majestic sites in Mexico are to be reported as within areas of active conflict, this is not an accurate representation of conflict potential in and around our operating mines. Our sites are within regions of Mexico with low potential for conflict impacts. We are working to provide more accurate data for this disclosure in future years.</t>
    </r>
  </si>
  <si>
    <r>
      <rPr>
        <sz val="11"/>
        <rFont val="Verdana"/>
        <family val="2"/>
        <scheme val="minor"/>
      </rPr>
      <t xml:space="preserve">0% </t>
    </r>
    <r>
      <rPr>
        <sz val="11"/>
        <color rgb="FF000000"/>
        <rFont val="Verdana"/>
        <family val="2"/>
        <scheme val="minor"/>
      </rPr>
      <t>of proved and probable resources are in or near indigenous lands</t>
    </r>
  </si>
  <si>
    <r>
      <rPr>
        <sz val="11"/>
        <color rgb="FF1C1C1C"/>
        <rFont val="Verdana"/>
        <family val="2"/>
        <scheme val="minor"/>
      </rPr>
      <t xml:space="preserve">2025 Sustainability Report, 
'Energy, Carbon and Climate' chapter, 
'Our Performance in 2025' section
2025 Data Download,
'Energy, Carbon &amp; Climate' tab, Energy consumption by Source (GJ)
</t>
    </r>
    <r>
      <rPr>
        <sz val="11"/>
        <rFont val="Verdana"/>
        <family val="2"/>
        <scheme val="minor"/>
      </rPr>
      <t>49% local grid electricity, 9%</t>
    </r>
    <r>
      <rPr>
        <sz val="11"/>
        <color rgb="FF1C1C1C"/>
        <rFont val="Verdana"/>
        <family val="2"/>
        <scheme val="minor"/>
      </rPr>
      <t xml:space="preserve"> renewables</t>
    </r>
  </si>
  <si>
    <t>2025 Sustainability Report, 
'Safeguarding Human Rights for All' chapter, 
'Our Approach to Human Rights' section,
'Supply Chain' chapter,
'Supplier Due Diligence' section
see also 2025 Supply Chains Report (2026 report to be published May 2026)</t>
  </si>
  <si>
    <r>
      <t xml:space="preserve">2025 Data Download, 
</t>
    </r>
    <r>
      <rPr>
        <sz val="11"/>
        <rFont val="Verdana"/>
        <family val="2"/>
        <scheme val="minor"/>
      </rPr>
      <t>'Our Workforce</t>
    </r>
    <r>
      <rPr>
        <sz val="11"/>
        <color rgb="FF000000"/>
        <rFont val="Verdana"/>
        <family val="2"/>
        <scheme val="minor"/>
      </rPr>
      <t>' tab</t>
    </r>
  </si>
  <si>
    <t>2025 Sustainability Report, 
'About This Report' chapter</t>
  </si>
  <si>
    <t>2025 Sustainability Report, 
'Sustainability Governance' chapter,
'Sustainability Governance Structure' section</t>
  </si>
  <si>
    <t>2025 Sustainability Report, 
'CEO Letter'</t>
  </si>
  <si>
    <t>2025 Sustainability Report, 
'Sustainability Governance' chapter,
'Policies and Procedures' section</t>
  </si>
  <si>
    <t>First Majestic Corporate Governance Webpage</t>
  </si>
  <si>
    <r>
      <t xml:space="preserve">2025 Sustainability Report, 
'Our People' chapter, 
</t>
    </r>
    <r>
      <rPr>
        <sz val="11"/>
        <rFont val="Verdana"/>
        <family val="2"/>
        <scheme val="minor"/>
      </rPr>
      <t>'Labour Relations' section</t>
    </r>
  </si>
  <si>
    <r>
      <t xml:space="preserve">2025 Sustainability Report, 
</t>
    </r>
    <r>
      <rPr>
        <sz val="11"/>
        <rFont val="Verdana"/>
        <family val="2"/>
        <scheme val="minor"/>
      </rPr>
      <t>'Material Topics' chapter,</t>
    </r>
    <r>
      <rPr>
        <sz val="11"/>
        <color rgb="FF000000"/>
        <rFont val="Verdana"/>
        <family val="2"/>
        <scheme val="minor"/>
      </rPr>
      <t xml:space="preserve">
'Our Materiality Process' section</t>
    </r>
  </si>
  <si>
    <t>2025 Sustainability Report, 
'Material Topics' chapter,
'Material Sustainability Topics' section</t>
  </si>
  <si>
    <r>
      <t xml:space="preserve">2026 Management Information Circular, pages </t>
    </r>
    <r>
      <rPr>
        <sz val="11"/>
        <color rgb="FFFF0000"/>
        <rFont val="Verdana"/>
        <family val="2"/>
        <scheme val="minor"/>
      </rPr>
      <t>X-X</t>
    </r>
  </si>
  <si>
    <r>
      <t xml:space="preserve">2025 Sustainability Report, 
'Energy, Carbon and Climate' chapter
</t>
    </r>
    <r>
      <rPr>
        <sz val="11"/>
        <rFont val="Verdana"/>
        <family val="2"/>
        <scheme val="minor"/>
      </rPr>
      <t>2025 Data Download,
'Energy, Carbon and Climate' tab,
'Air Quality' tab</t>
    </r>
  </si>
  <si>
    <r>
      <t xml:space="preserve">2025 Sustainability Report, 
'Waste' chapter
2025 Sustainability Report, 
'Tailings' chapter
</t>
    </r>
    <r>
      <rPr>
        <sz val="11"/>
        <rFont val="Verdana"/>
        <family val="2"/>
        <scheme val="minor"/>
      </rPr>
      <t xml:space="preserve">
2025 Data Download,
'Tailings' tab</t>
    </r>
  </si>
  <si>
    <r>
      <t xml:space="preserve">2025 Sustainability Report, 
'Our People' chapter
</t>
    </r>
    <r>
      <rPr>
        <sz val="11"/>
        <rFont val="Verdana"/>
        <family val="2"/>
        <scheme val="minor"/>
      </rPr>
      <t>'Labour Relations' section</t>
    </r>
  </si>
  <si>
    <r>
      <t xml:space="preserve">2025 Sustainability Report, 
'Sustainability Governance' chapter,
</t>
    </r>
    <r>
      <rPr>
        <sz val="11"/>
        <rFont val="Verdana"/>
        <family val="2"/>
        <scheme val="minor"/>
      </rPr>
      <t>'Safeguarding Human Rights For All' section</t>
    </r>
    <r>
      <rPr>
        <sz val="11"/>
        <color theme="1"/>
        <rFont val="Verdana"/>
        <family val="2"/>
        <scheme val="minor"/>
      </rPr>
      <t xml:space="preserve">
Further details available in our 2025 Supply Chains Report. Updated information to be reported in our 2026 Supply Chains Report, to be published by the end of May 2026.</t>
    </r>
  </si>
  <si>
    <t>2025 Sustainability Data Download, 
'Energy, Carbon &amp; Climate' tab</t>
  </si>
  <si>
    <t>which contains all corporate policies</t>
  </si>
  <si>
    <t xml:space="preserve">2026 Management Information Circular </t>
  </si>
  <si>
    <t>'Sustainability' section of First Majestic's 2026 Management Information Circular; 
'Sustainability Governance' section of the 2025 Sustainability Report; 
'Energy, Carbon and Climate' chapter of the 2025 Sustainability Report</t>
  </si>
  <si>
    <t>'Sustainability' section of First Majestic's 2026 Management Information Circular</t>
  </si>
  <si>
    <t>'Sustainability' section of First Majestic's 2026 Management Information Circular; 
'Sustainability Governance' section of the 2025 Sustainability Report</t>
  </si>
  <si>
    <t>'Sustainability' section of First Majestic's 2026 Management Information Circular; 
Energy, Carbon, and Climate' chapter of the 2025 Sustainability Report; 
'Energy, Carbon, and Climate Adaptation' sectio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6">
    <numFmt numFmtId="42" formatCode="_-&quot;$&quot;* #,##0_-;\-&quot;$&quot;* #,##0_-;_-&quot;$&quot;* &quot;-&quot;_-;_-@_-"/>
    <numFmt numFmtId="41" formatCode="_-* #,##0_-;\-* #,##0_-;_-* &quot;-&quot;_-;_-@_-"/>
    <numFmt numFmtId="44" formatCode="_-&quot;$&quot;* #,##0.00_-;\-&quot;$&quot;* #,##0.00_-;_-&quot;$&quot;* &quot;-&quot;??_-;_-@_-"/>
    <numFmt numFmtId="43" formatCode="_-* #,##0.00_-;\-* #,##0.00_-;_-* &quot;-&quot;??_-;_-@_-"/>
    <numFmt numFmtId="164" formatCode="_(* #,##0.00_);_(* \(#,##0.00\);_(* &quot;-&quot;??_);_(@_)"/>
    <numFmt numFmtId="165" formatCode="_ * #,##0.00_)_ ;_ * \(#,##0.00\)_ ;_ * &quot;-&quot;??_)_ ;_ @_ "/>
  </numFmts>
  <fonts count="32" x14ac:knownFonts="1">
    <font>
      <sz val="10"/>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2"/>
      <color theme="0"/>
      <name val="Verdana"/>
      <family val="2"/>
      <scheme val="minor"/>
    </font>
    <font>
      <sz val="10"/>
      <name val="Verdana"/>
      <family val="2"/>
      <scheme val="minor"/>
    </font>
    <font>
      <b/>
      <sz val="10"/>
      <name val="Verdana"/>
      <family val="2"/>
      <scheme val="minor"/>
    </font>
    <font>
      <b/>
      <sz val="10"/>
      <color theme="0"/>
      <name val="Verdana"/>
      <family val="2"/>
      <scheme val="minor"/>
    </font>
    <font>
      <sz val="12"/>
      <color theme="4"/>
      <name val="Verdana"/>
      <family val="2"/>
      <scheme val="minor"/>
    </font>
    <font>
      <sz val="12"/>
      <name val="Verdana"/>
      <family val="2"/>
      <scheme val="minor"/>
    </font>
    <font>
      <sz val="10"/>
      <color rgb="FFFF3600"/>
      <name val="Verdana"/>
      <family val="2"/>
      <scheme val="minor"/>
    </font>
    <font>
      <i/>
      <sz val="10"/>
      <color theme="1"/>
      <name val="Verdana"/>
      <family val="2"/>
      <scheme val="minor"/>
    </font>
    <font>
      <sz val="12"/>
      <color theme="4"/>
      <name val="Verdana"/>
      <family val="2"/>
      <scheme val="major"/>
    </font>
    <font>
      <b/>
      <sz val="10"/>
      <color theme="1"/>
      <name val="Verdana"/>
      <family val="2"/>
      <scheme val="minor"/>
    </font>
    <font>
      <sz val="10"/>
      <color theme="0"/>
      <name val="Verdana"/>
      <family val="2"/>
      <scheme val="minor"/>
    </font>
    <font>
      <b/>
      <sz val="10"/>
      <name val="Verdana"/>
      <family val="2"/>
    </font>
    <font>
      <b/>
      <sz val="11"/>
      <color theme="1"/>
      <name val="Verdana"/>
      <family val="2"/>
      <scheme val="minor"/>
    </font>
    <font>
      <sz val="11"/>
      <color rgb="FF000000"/>
      <name val="Verdana"/>
      <family val="2"/>
      <scheme val="minor"/>
    </font>
    <font>
      <u/>
      <sz val="11"/>
      <color theme="10"/>
      <name val="Verdana"/>
      <family val="2"/>
      <scheme val="minor"/>
    </font>
    <font>
      <sz val="11"/>
      <color rgb="FFFF0000"/>
      <name val="Verdana"/>
      <family val="2"/>
      <scheme val="minor"/>
    </font>
    <font>
      <i/>
      <sz val="11"/>
      <color theme="1"/>
      <name val="Verdana"/>
      <family val="2"/>
      <scheme val="minor"/>
    </font>
    <font>
      <sz val="8"/>
      <name val="Verdana"/>
      <family val="2"/>
      <scheme val="minor"/>
    </font>
    <font>
      <b/>
      <sz val="14"/>
      <color theme="1"/>
      <name val="Verdana"/>
      <family val="2"/>
      <scheme val="minor"/>
    </font>
    <font>
      <sz val="10"/>
      <name val="Arial"/>
      <family val="2"/>
    </font>
    <font>
      <sz val="10"/>
      <color theme="1"/>
      <name val="Arial"/>
      <family val="2"/>
    </font>
    <font>
      <u/>
      <sz val="10"/>
      <color theme="10"/>
      <name val="Arial"/>
      <family val="2"/>
    </font>
    <font>
      <sz val="11"/>
      <color indexed="8"/>
      <name val="Verdana"/>
      <family val="2"/>
      <scheme val="minor"/>
    </font>
    <font>
      <sz val="11"/>
      <color rgb="FF1C1C1C"/>
      <name val="Verdana"/>
      <family val="2"/>
      <scheme val="minor"/>
    </font>
    <font>
      <b/>
      <sz val="11"/>
      <name val="Verdana"/>
      <family val="2"/>
      <scheme val="minor"/>
    </font>
    <font>
      <sz val="11"/>
      <name val="Verdana"/>
      <family val="2"/>
      <scheme val="minor"/>
    </font>
    <font>
      <sz val="11"/>
      <color rgb="FF000000"/>
      <name val="Verdana"/>
      <scheme val="minor"/>
    </font>
  </fonts>
  <fills count="16">
    <fill>
      <patternFill patternType="none"/>
    </fill>
    <fill>
      <patternFill patternType="gray125"/>
    </fill>
    <fill>
      <patternFill patternType="solid">
        <fgColor theme="6"/>
      </patternFill>
    </fill>
    <fill>
      <patternFill patternType="solid">
        <fgColor theme="7"/>
      </patternFill>
    </fill>
    <fill>
      <patternFill patternType="solid">
        <fgColor theme="8"/>
      </patternFill>
    </fill>
    <fill>
      <patternFill patternType="solid">
        <fgColor theme="9"/>
      </patternFill>
    </fill>
    <fill>
      <patternFill patternType="solid">
        <fgColor rgb="FF00EB00"/>
      </patternFill>
    </fill>
    <fill>
      <patternFill patternType="solid">
        <fgColor rgb="FFDCFF00"/>
      </patternFill>
    </fill>
    <fill>
      <patternFill patternType="solid">
        <fgColor theme="0" tint="-4.9989318521683403E-2"/>
        <bgColor indexed="65"/>
      </patternFill>
    </fill>
    <fill>
      <patternFill patternType="solid">
        <fgColor theme="2"/>
      </patternFill>
    </fill>
    <fill>
      <patternFill patternType="solid">
        <fgColor theme="3"/>
      </patternFill>
    </fill>
    <fill>
      <patternFill patternType="solid">
        <fgColor theme="5"/>
      </patternFill>
    </fill>
    <fill>
      <patternFill patternType="solid">
        <fgColor theme="9" tint="0.79998168889431442"/>
        <bgColor indexed="64"/>
      </patternFill>
    </fill>
    <fill>
      <patternFill patternType="solid">
        <fgColor rgb="FFFF3600"/>
      </patternFill>
    </fill>
    <fill>
      <patternFill patternType="solid">
        <fgColor theme="0" tint="-4.9989318521683403E-2"/>
        <bgColor indexed="64"/>
      </patternFill>
    </fill>
    <fill>
      <patternFill patternType="solid">
        <fgColor theme="6" tint="0.59999389629810485"/>
        <bgColor indexed="64"/>
      </patternFill>
    </fill>
  </fills>
  <borders count="12">
    <border>
      <left/>
      <right/>
      <top/>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bottom style="thick">
        <color theme="1"/>
      </bottom>
      <diagonal/>
    </border>
    <border>
      <left/>
      <right/>
      <top style="medium">
        <color theme="1"/>
      </top>
      <bottom style="medium">
        <color theme="1"/>
      </bottom>
      <diagonal/>
    </border>
    <border>
      <left/>
      <right/>
      <top/>
      <bottom style="thick">
        <color theme="4"/>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diagonal/>
    </border>
    <border>
      <left style="thin">
        <color indexed="64"/>
      </left>
      <right style="thin">
        <color indexed="64"/>
      </right>
      <top/>
      <bottom style="thin">
        <color indexed="64"/>
      </bottom>
      <diagonal/>
    </border>
  </borders>
  <cellStyleXfs count="78">
    <xf numFmtId="0" fontId="0" fillId="0" borderId="0"/>
    <xf numFmtId="0" fontId="13" fillId="0" borderId="0" applyNumberFormat="0" applyFill="0" applyBorder="0" applyAlignment="0" applyProtection="0"/>
    <xf numFmtId="0" fontId="7" fillId="10" borderId="0" applyNumberFormat="0" applyAlignment="0" applyProtection="0"/>
    <xf numFmtId="0" fontId="7" fillId="0" borderId="5" applyNumberFormat="0" applyFill="0" applyAlignment="0" applyProtection="0"/>
    <xf numFmtId="0" fontId="8" fillId="11" borderId="0" applyNumberFormat="0" applyBorder="0" applyAlignment="0" applyProtection="0"/>
    <xf numFmtId="0" fontId="7" fillId="0" borderId="0" applyNumberFormat="0" applyFill="0" applyBorder="0" applyAlignment="0" applyProtection="0"/>
    <xf numFmtId="0" fontId="6" fillId="6" borderId="0" applyNumberFormat="0" applyBorder="0" applyAlignment="0" applyProtection="0"/>
    <xf numFmtId="0" fontId="15" fillId="13" borderId="0" applyNumberFormat="0" applyBorder="0" applyAlignment="0" applyProtection="0"/>
    <xf numFmtId="0" fontId="6" fillId="7" borderId="0" applyNumberFormat="0" applyBorder="0" applyAlignment="0" applyProtection="0"/>
    <xf numFmtId="0" fontId="6" fillId="9" borderId="1" applyNumberFormat="0" applyAlignment="0" applyProtection="0"/>
    <xf numFmtId="0" fontId="7" fillId="8" borderId="2" applyNumberFormat="0" applyAlignment="0" applyProtection="0"/>
    <xf numFmtId="0" fontId="7" fillId="8" borderId="1" applyNumberFormat="0" applyAlignment="0" applyProtection="0"/>
    <xf numFmtId="0" fontId="9" fillId="0" borderId="7" applyNumberFormat="0" applyFill="0" applyAlignment="0" applyProtection="0"/>
    <xf numFmtId="0" fontId="8" fillId="5" borderId="3" applyNumberFormat="0" applyAlignment="0" applyProtection="0"/>
    <xf numFmtId="0" fontId="11" fillId="0" borderId="0" applyNumberFormat="0" applyFill="0" applyBorder="0" applyAlignment="0" applyProtection="0"/>
    <xf numFmtId="0" fontId="10" fillId="0" borderId="4" applyNumberFormat="0" applyAlignment="0" applyProtection="0"/>
    <xf numFmtId="0" fontId="12" fillId="0" borderId="0" applyNumberFormat="0" applyFill="0" applyBorder="0" applyAlignment="0" applyProtection="0"/>
    <xf numFmtId="0" fontId="14" fillId="0" borderId="6" applyNumberFormat="0" applyFill="0" applyAlignment="0" applyProtection="0"/>
    <xf numFmtId="0" fontId="5" fillId="2" borderId="0" applyNumberFormat="0" applyBorder="0" applyAlignment="0" applyProtection="0"/>
    <xf numFmtId="0" fontId="10" fillId="3" borderId="0" applyNumberFormat="0" applyBorder="0" applyAlignment="0" applyProtection="0"/>
    <xf numFmtId="0" fontId="10" fillId="4" borderId="0" applyNumberFormat="0" applyBorder="0" applyAlignment="0" applyProtection="0"/>
    <xf numFmtId="0" fontId="7" fillId="10" borderId="0"/>
    <xf numFmtId="0" fontId="16" fillId="12" borderId="0"/>
    <xf numFmtId="0" fontId="4" fillId="0" borderId="0"/>
    <xf numFmtId="0" fontId="4" fillId="0" borderId="0"/>
    <xf numFmtId="0" fontId="19" fillId="0" borderId="0" applyNumberFormat="0" applyFill="0" applyBorder="0" applyAlignment="0" applyProtection="0"/>
    <xf numFmtId="164" fontId="4" fillId="0" borderId="0" applyFont="0" applyFill="0" applyBorder="0" applyAlignment="0" applyProtection="0"/>
    <xf numFmtId="0" fontId="24" fillId="0" borderId="0"/>
    <xf numFmtId="164" fontId="24" fillId="0" borderId="0" applyFont="0" applyFill="0" applyBorder="0" applyAlignment="0" applyProtection="0"/>
    <xf numFmtId="164" fontId="24" fillId="0" borderId="0" applyFont="0" applyFill="0" applyBorder="0" applyAlignment="0" applyProtection="0"/>
    <xf numFmtId="164" fontId="24" fillId="0" borderId="0" applyFont="0" applyFill="0" applyBorder="0" applyAlignment="0" applyProtection="0"/>
    <xf numFmtId="164" fontId="24" fillId="0" borderId="0" applyFont="0" applyFill="0" applyBorder="0" applyAlignment="0" applyProtection="0"/>
    <xf numFmtId="164" fontId="24" fillId="0" borderId="0" applyFont="0" applyFill="0" applyBorder="0" applyAlignment="0" applyProtection="0"/>
    <xf numFmtId="164" fontId="24" fillId="0" borderId="0" applyFont="0" applyFill="0" applyBorder="0" applyAlignment="0" applyProtection="0"/>
    <xf numFmtId="164" fontId="24" fillId="0" borderId="0" applyFont="0" applyFill="0" applyBorder="0" applyAlignment="0" applyProtection="0"/>
    <xf numFmtId="0" fontId="4" fillId="0" borderId="0"/>
    <xf numFmtId="0" fontId="4" fillId="0" borderId="0"/>
    <xf numFmtId="0" fontId="4" fillId="0" borderId="0"/>
    <xf numFmtId="0" fontId="24" fillId="0" borderId="0"/>
    <xf numFmtId="0" fontId="24" fillId="0" borderId="0"/>
    <xf numFmtId="0" fontId="24" fillId="0" borderId="0"/>
    <xf numFmtId="9" fontId="4" fillId="0" borderId="0" applyFont="0" applyFill="0" applyBorder="0" applyAlignment="0" applyProtection="0"/>
    <xf numFmtId="165" fontId="4" fillId="0" borderId="0" applyFont="0" applyFill="0" applyBorder="0" applyAlignment="0" applyProtection="0"/>
    <xf numFmtId="44" fontId="4" fillId="0" borderId="0" applyFont="0" applyFill="0" applyBorder="0" applyAlignment="0" applyProtection="0"/>
    <xf numFmtId="43" fontId="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4" fontId="4" fillId="0" borderId="0" applyFont="0" applyFill="0" applyBorder="0" applyAlignment="0" applyProtection="0"/>
    <xf numFmtId="43" fontId="4" fillId="0" borderId="0" applyFont="0" applyFill="0" applyBorder="0" applyAlignment="0" applyProtection="0"/>
    <xf numFmtId="44" fontId="4" fillId="0" borderId="0" applyFont="0" applyFill="0" applyBorder="0" applyAlignment="0" applyProtection="0"/>
    <xf numFmtId="44" fontId="4" fillId="0" borderId="0" applyFont="0" applyFill="0" applyBorder="0" applyAlignment="0" applyProtection="0"/>
    <xf numFmtId="43" fontId="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43" fontId="24" fillId="0" borderId="0" applyFont="0" applyFill="0" applyBorder="0" applyAlignment="0" applyProtection="0"/>
    <xf numFmtId="0" fontId="25" fillId="0" borderId="0"/>
    <xf numFmtId="9" fontId="25" fillId="0" borderId="0" applyFont="0" applyFill="0" applyBorder="0" applyAlignment="0" applyProtection="0"/>
    <xf numFmtId="44" fontId="25" fillId="0" borderId="0" applyFont="0" applyFill="0" applyBorder="0" applyAlignment="0" applyProtection="0"/>
    <xf numFmtId="42" fontId="25" fillId="0" borderId="0" applyFont="0" applyFill="0" applyBorder="0" applyAlignment="0" applyProtection="0"/>
    <xf numFmtId="43" fontId="25" fillId="0" borderId="0" applyFont="0" applyFill="0" applyBorder="0" applyAlignment="0" applyProtection="0"/>
    <xf numFmtId="41" fontId="25" fillId="0" borderId="0" applyFont="0" applyFill="0" applyBorder="0" applyAlignment="0" applyProtection="0"/>
    <xf numFmtId="0" fontId="26" fillId="0" borderId="0" applyNumberFormat="0" applyFill="0" applyBorder="0" applyAlignment="0" applyProtection="0"/>
    <xf numFmtId="9" fontId="4" fillId="0" borderId="0" applyFont="0" applyFill="0" applyBorder="0" applyAlignment="0" applyProtection="0"/>
    <xf numFmtId="0" fontId="27" fillId="0" borderId="0"/>
    <xf numFmtId="44" fontId="4" fillId="0" borderId="0" applyFont="0" applyFill="0" applyBorder="0" applyAlignment="0" applyProtection="0"/>
    <xf numFmtId="43" fontId="4" fillId="0" borderId="0" applyFont="0" applyFill="0" applyBorder="0" applyAlignment="0" applyProtection="0"/>
    <xf numFmtId="43" fontId="4" fillId="0" borderId="0" applyFont="0" applyFill="0" applyBorder="0" applyAlignment="0" applyProtection="0"/>
    <xf numFmtId="0" fontId="4" fillId="0" borderId="0"/>
    <xf numFmtId="44" fontId="4" fillId="0" borderId="0" applyFont="0" applyFill="0" applyBorder="0" applyAlignment="0" applyProtection="0"/>
  </cellStyleXfs>
  <cellXfs count="46">
    <xf numFmtId="0" fontId="0" fillId="0" borderId="0" xfId="0"/>
    <xf numFmtId="0" fontId="6" fillId="0" borderId="0" xfId="0" applyFont="1"/>
    <xf numFmtId="0" fontId="18" fillId="0" borderId="8" xfId="0" applyFont="1" applyBorder="1" applyAlignment="1">
      <alignment horizontal="left" vertical="top" wrapText="1"/>
    </xf>
    <xf numFmtId="0" fontId="23" fillId="0" borderId="0" xfId="23" applyFont="1" applyAlignment="1">
      <alignment horizontal="left" vertical="top"/>
    </xf>
    <xf numFmtId="0" fontId="4" fillId="0" borderId="0" xfId="23" applyAlignment="1">
      <alignment horizontal="left" vertical="top"/>
    </xf>
    <xf numFmtId="0" fontId="0" fillId="0" borderId="0" xfId="0" applyAlignment="1">
      <alignment horizontal="left" vertical="top"/>
    </xf>
    <xf numFmtId="0" fontId="17" fillId="15" borderId="8" xfId="23" applyFont="1" applyFill="1" applyBorder="1" applyAlignment="1">
      <alignment horizontal="left" vertical="top" wrapText="1"/>
    </xf>
    <xf numFmtId="0" fontId="17" fillId="0" borderId="0" xfId="23" applyFont="1" applyAlignment="1">
      <alignment horizontal="left" vertical="top" wrapText="1"/>
    </xf>
    <xf numFmtId="0" fontId="4" fillId="14" borderId="8" xfId="23" applyFill="1" applyBorder="1" applyAlignment="1">
      <alignment horizontal="left" vertical="top" wrapText="1"/>
    </xf>
    <xf numFmtId="0" fontId="4" fillId="0" borderId="8" xfId="24" applyBorder="1" applyAlignment="1">
      <alignment horizontal="left" vertical="top" wrapText="1"/>
    </xf>
    <xf numFmtId="0" fontId="4" fillId="0" borderId="0" xfId="23" applyAlignment="1">
      <alignment horizontal="left" vertical="top" wrapText="1"/>
    </xf>
    <xf numFmtId="0" fontId="19" fillId="0" borderId="0" xfId="25" quotePrefix="1" applyFill="1" applyAlignment="1">
      <alignment horizontal="left" vertical="top" wrapText="1"/>
    </xf>
    <xf numFmtId="0" fontId="19" fillId="0" borderId="0" xfId="25" applyFill="1" applyAlignment="1">
      <alignment horizontal="left" vertical="top" wrapText="1"/>
    </xf>
    <xf numFmtId="0" fontId="21" fillId="0" borderId="0" xfId="23" applyFont="1" applyAlignment="1">
      <alignment horizontal="left" vertical="top" wrapText="1"/>
    </xf>
    <xf numFmtId="0" fontId="0" fillId="0" borderId="0" xfId="0" applyAlignment="1">
      <alignment horizontal="left" vertical="top" wrapText="1"/>
    </xf>
    <xf numFmtId="0" fontId="21" fillId="0" borderId="0" xfId="23" applyFont="1" applyAlignment="1">
      <alignment horizontal="left" vertical="top"/>
    </xf>
    <xf numFmtId="49" fontId="4" fillId="0" borderId="8" xfId="23" applyNumberFormat="1" applyBorder="1" applyAlignment="1">
      <alignment horizontal="left" vertical="top" wrapText="1"/>
    </xf>
    <xf numFmtId="2" fontId="4" fillId="0" borderId="8" xfId="23" applyNumberFormat="1" applyBorder="1" applyAlignment="1">
      <alignment horizontal="left" vertical="top" wrapText="1"/>
    </xf>
    <xf numFmtId="0" fontId="19" fillId="0" borderId="0" xfId="25" quotePrefix="1" applyAlignment="1">
      <alignment horizontal="left" vertical="top" wrapText="1"/>
    </xf>
    <xf numFmtId="0" fontId="17" fillId="15" borderId="8" xfId="23" applyFont="1" applyFill="1" applyBorder="1" applyAlignment="1">
      <alignment horizontal="left" vertical="top"/>
    </xf>
    <xf numFmtId="0" fontId="29" fillId="15" borderId="0" xfId="0" applyFont="1" applyFill="1"/>
    <xf numFmtId="0" fontId="30" fillId="0" borderId="0" xfId="0" applyFont="1"/>
    <xf numFmtId="0" fontId="19" fillId="0" borderId="0" xfId="25"/>
    <xf numFmtId="0" fontId="3" fillId="0" borderId="8" xfId="0" applyFont="1" applyBorder="1" applyAlignment="1">
      <alignment horizontal="left" vertical="top" wrapText="1"/>
    </xf>
    <xf numFmtId="49" fontId="30" fillId="0" borderId="8" xfId="0" applyNumberFormat="1" applyFont="1" applyBorder="1" applyAlignment="1">
      <alignment horizontal="left" vertical="top" wrapText="1"/>
    </xf>
    <xf numFmtId="2" fontId="30" fillId="0" borderId="8" xfId="23" applyNumberFormat="1" applyFont="1" applyBorder="1" applyAlignment="1">
      <alignment horizontal="left" vertical="top" wrapText="1"/>
    </xf>
    <xf numFmtId="0" fontId="30" fillId="0" borderId="8" xfId="0" applyFont="1" applyBorder="1" applyAlignment="1">
      <alignment horizontal="left" vertical="top" wrapText="1"/>
    </xf>
    <xf numFmtId="0" fontId="3" fillId="14" borderId="8" xfId="23" applyFont="1" applyFill="1" applyBorder="1" applyAlignment="1">
      <alignment horizontal="left" vertical="top" wrapText="1"/>
    </xf>
    <xf numFmtId="0" fontId="3" fillId="14" borderId="8" xfId="0" applyFont="1" applyFill="1" applyBorder="1" applyAlignment="1">
      <alignment horizontal="left" vertical="top" wrapText="1"/>
    </xf>
    <xf numFmtId="2" fontId="3" fillId="0" borderId="8" xfId="0" applyNumberFormat="1" applyFont="1" applyBorder="1" applyAlignment="1">
      <alignment horizontal="left" vertical="top" wrapText="1"/>
    </xf>
    <xf numFmtId="49" fontId="3" fillId="0" borderId="8" xfId="0" applyNumberFormat="1" applyFont="1" applyBorder="1" applyAlignment="1">
      <alignment horizontal="left" vertical="top" wrapText="1"/>
    </xf>
    <xf numFmtId="0" fontId="3" fillId="0" borderId="8" xfId="23" applyFont="1" applyBorder="1" applyAlignment="1">
      <alignment horizontal="left" vertical="top" wrapText="1"/>
    </xf>
    <xf numFmtId="0" fontId="2" fillId="0" borderId="8" xfId="0" applyFont="1" applyBorder="1" applyAlignment="1">
      <alignment horizontal="left" vertical="top" wrapText="1"/>
    </xf>
    <xf numFmtId="0" fontId="30" fillId="0" borderId="0" xfId="0" quotePrefix="1" applyFont="1" applyAlignment="1">
      <alignment horizontal="left" indent="1"/>
    </xf>
    <xf numFmtId="0" fontId="3" fillId="14" borderId="8" xfId="23" applyFont="1" applyFill="1" applyBorder="1" applyAlignment="1">
      <alignment horizontal="left" vertical="top"/>
    </xf>
    <xf numFmtId="0" fontId="3" fillId="14" borderId="8" xfId="0" applyFont="1" applyFill="1" applyBorder="1" applyAlignment="1">
      <alignment horizontal="left" vertical="top"/>
    </xf>
    <xf numFmtId="0" fontId="4" fillId="14" borderId="8" xfId="23" applyFill="1" applyBorder="1" applyAlignment="1">
      <alignment horizontal="left" vertical="top" wrapText="1"/>
    </xf>
    <xf numFmtId="0" fontId="3" fillId="14" borderId="8" xfId="0" applyFont="1" applyFill="1" applyBorder="1" applyAlignment="1">
      <alignment horizontal="left" vertical="top" wrapText="1"/>
    </xf>
    <xf numFmtId="0" fontId="3" fillId="0" borderId="8" xfId="0" applyFont="1" applyBorder="1" applyAlignment="1">
      <alignment horizontal="left" vertical="top" wrapText="1"/>
    </xf>
    <xf numFmtId="0" fontId="18" fillId="0" borderId="8" xfId="0" applyFont="1" applyBorder="1" applyAlignment="1">
      <alignment horizontal="left" vertical="top" wrapText="1"/>
    </xf>
    <xf numFmtId="0" fontId="2" fillId="0" borderId="8" xfId="0" applyFont="1" applyBorder="1" applyAlignment="1">
      <alignment horizontal="left" vertical="top" wrapText="1"/>
    </xf>
    <xf numFmtId="0" fontId="30" fillId="0" borderId="9" xfId="0" applyFont="1" applyBorder="1" applyAlignment="1">
      <alignment horizontal="left" vertical="top" wrapText="1"/>
    </xf>
    <xf numFmtId="0" fontId="30" fillId="0" borderId="10" xfId="0" applyFont="1" applyBorder="1" applyAlignment="1">
      <alignment horizontal="left" vertical="top" wrapText="1"/>
    </xf>
    <xf numFmtId="0" fontId="30" fillId="0" borderId="11" xfId="0" applyFont="1" applyBorder="1" applyAlignment="1">
      <alignment horizontal="left" vertical="top" wrapText="1"/>
    </xf>
    <xf numFmtId="0" fontId="28" fillId="0" borderId="8" xfId="0" quotePrefix="1" applyFont="1" applyBorder="1" applyAlignment="1">
      <alignment horizontal="left" vertical="top" wrapText="1"/>
    </xf>
    <xf numFmtId="0" fontId="1" fillId="0" borderId="8" xfId="0" applyFont="1" applyBorder="1" applyAlignment="1">
      <alignment horizontal="left" vertical="top" wrapText="1"/>
    </xf>
  </cellXfs>
  <cellStyles count="78">
    <cellStyle name="Accent3" xfId="18" builtinId="37" customBuiltin="1"/>
    <cellStyle name="Accent4" xfId="19" builtinId="41" customBuiltin="1"/>
    <cellStyle name="Accent5" xfId="20" builtinId="45" customBuiltin="1"/>
    <cellStyle name="Bad" xfId="7" builtinId="27" customBuiltin="1"/>
    <cellStyle name="Calculation" xfId="11" builtinId="22" customBuiltin="1"/>
    <cellStyle name="Check Cell" xfId="13" builtinId="23" customBuiltin="1"/>
    <cellStyle name="Comma [0] 2" xfId="69" xr:uid="{0B84A1E2-DDE3-40DB-B837-5658EA843CE5}"/>
    <cellStyle name="Comma 2" xfId="28" xr:uid="{0BC1C9D1-61B1-45CA-AA28-7A8D01D34977}"/>
    <cellStyle name="Comma 2 2" xfId="45" xr:uid="{74152FDC-CBCD-4745-A8A2-D38EC5DF3F29}"/>
    <cellStyle name="Comma 2 2 2" xfId="57" xr:uid="{2A5B9F47-A0E7-4836-9848-C1B65A8AB9C2}"/>
    <cellStyle name="Comma 3" xfId="44" xr:uid="{1B5AF99A-AB7E-4455-8C90-458A74E0748A}"/>
    <cellStyle name="Comma 3 2" xfId="56" xr:uid="{561DE808-4168-4418-AE78-3172512E9F68}"/>
    <cellStyle name="Comma 4" xfId="68" xr:uid="{49A6BA49-712B-4F56-BE3B-7897B105F0F1}"/>
    <cellStyle name="Comma 5" xfId="53" xr:uid="{3BF30247-E8BC-43EF-ACE4-1E8FD57DF4C6}"/>
    <cellStyle name="Comma 6" xfId="74" xr:uid="{7A0261EB-ADCF-4212-8C9C-65D1476E6FE9}"/>
    <cellStyle name="Comma 7" xfId="75" xr:uid="{3DF01EED-6F7C-4398-BB52-E6D3CFF3EBC5}"/>
    <cellStyle name="Comma 8" xfId="26" xr:uid="{631A548D-686E-4540-A21C-78BF65E2F86C}"/>
    <cellStyle name="Currency [0] 2" xfId="67" xr:uid="{7B3FFBAC-B6E7-4F94-B2D9-60F9C3870F1B}"/>
    <cellStyle name="Currency 2" xfId="66" xr:uid="{07291F4E-91EB-48F8-B36C-59C3C2193A9C}"/>
    <cellStyle name="Currency 2 2" xfId="77" xr:uid="{7D053831-EDAE-4519-9D7A-860C7DC3AD05}"/>
    <cellStyle name="Currency 3" xfId="55" xr:uid="{B16BEB4E-CD82-42E9-A49E-14CFC1E7BCBD}"/>
    <cellStyle name="Currency 4" xfId="73" xr:uid="{971382C3-1A8E-4964-A6D6-01E24712A8B3}"/>
    <cellStyle name="Currency 5" xfId="52" xr:uid="{A18A0548-7AD7-40CA-B671-5FA3EAD7439E}"/>
    <cellStyle name="Currency 6" xfId="54" xr:uid="{906BE8B7-6238-4DBF-92AF-3FFDAF9AC78A}"/>
    <cellStyle name="Currency 7" xfId="43" xr:uid="{0963EC9D-AC93-444B-BF2A-54B299CC81E8}"/>
    <cellStyle name="Explanatory Text" xfId="16" builtinId="53" customBuiltin="1"/>
    <cellStyle name="Good" xfId="6" builtinId="26" customBuiltin="1"/>
    <cellStyle name="Heading 1" xfId="2" builtinId="16" customBuiltin="1"/>
    <cellStyle name="Heading 2" xfId="3" builtinId="17" customBuiltin="1"/>
    <cellStyle name="Heading 3" xfId="4" builtinId="18" customBuiltin="1"/>
    <cellStyle name="Heading 4" xfId="5" builtinId="19" customBuiltin="1"/>
    <cellStyle name="Hyperlink" xfId="25" builtinId="8"/>
    <cellStyle name="Hyperlink 2" xfId="70" xr:uid="{4FB72D87-D2F6-4F39-9AD8-ED91024C99B6}"/>
    <cellStyle name="Input" xfId="9" builtinId="20" customBuiltin="1"/>
    <cellStyle name="Linked Cell" xfId="12" builtinId="24" customBuiltin="1"/>
    <cellStyle name="Milliers 2" xfId="29" xr:uid="{F9BB81B7-31EF-4F1C-9984-533C56A75839}"/>
    <cellStyle name="Milliers 2 2" xfId="30" xr:uid="{42A97752-C3FE-4C87-BAA3-033F39DB089F}"/>
    <cellStyle name="Milliers 2 2 2" xfId="47" xr:uid="{BCEAC495-98DA-4EDD-BFB6-190FFB262C56}"/>
    <cellStyle name="Milliers 2 2 2 2" xfId="59" xr:uid="{BEEF95EE-451D-4CAD-B31A-0FE9C6DCF36C}"/>
    <cellStyle name="Milliers 2 3" xfId="42" xr:uid="{26B4A108-56CE-477F-BB5D-4B5D634DABCE}"/>
    <cellStyle name="Milliers 2 4" xfId="46" xr:uid="{E9E4E266-801E-4584-9BB1-F8CDBC3B34CD}"/>
    <cellStyle name="Milliers 2 4 2" xfId="58" xr:uid="{F4C52830-7E61-46C8-832A-8E9936E155B3}"/>
    <cellStyle name="Milliers 3" xfId="31" xr:uid="{3E928585-748A-40BD-8C9A-924860CEF533}"/>
    <cellStyle name="Milliers 3 2" xfId="32" xr:uid="{DA3B0BA2-214B-4A68-8EC3-910BFC55070B}"/>
    <cellStyle name="Milliers 3 2 2" xfId="49" xr:uid="{8E31241E-6970-4017-A6EC-2B36CAC8BCDB}"/>
    <cellStyle name="Milliers 3 2 2 2" xfId="61" xr:uid="{F7ED03A5-5084-4C1B-9664-908AB537791D}"/>
    <cellStyle name="Milliers 3 3" xfId="48" xr:uid="{26651857-B896-46A4-86D8-2445A1C81C33}"/>
    <cellStyle name="Milliers 3 3 2" xfId="60" xr:uid="{F97AFE93-7571-4F57-8576-08F7A3779CF0}"/>
    <cellStyle name="Milliers 4" xfId="33" xr:uid="{A2BDC31E-9A4F-484B-BB3F-E1638C8A219D}"/>
    <cellStyle name="Milliers 4 2" xfId="34" xr:uid="{AF76D5FB-2626-4D0D-9AFB-786B829069E4}"/>
    <cellStyle name="Milliers 4 2 2" xfId="51" xr:uid="{0AC02481-BA14-46C9-AD76-DD3754DFAF1E}"/>
    <cellStyle name="Milliers 4 2 2 2" xfId="63" xr:uid="{F25AB369-E3F6-4A14-A9BE-9564D0008576}"/>
    <cellStyle name="Milliers 4 3" xfId="50" xr:uid="{88DA751B-984D-45CF-97CB-D82E43164817}"/>
    <cellStyle name="Milliers 4 3 2" xfId="62" xr:uid="{CA3F4289-39D8-4A53-8831-2A08D01A44C5}"/>
    <cellStyle name="Neutral" xfId="8" builtinId="28" customBuiltin="1"/>
    <cellStyle name="Normal" xfId="0" builtinId="0" customBuiltin="1"/>
    <cellStyle name="Normal 11" xfId="24" xr:uid="{8A37D454-222E-4480-B203-11C195D885FC}"/>
    <cellStyle name="Normal 11 2" xfId="76" xr:uid="{2548E9C2-D0BB-48AC-90F1-E9818DAA32DB}"/>
    <cellStyle name="Normal 2" xfId="35" xr:uid="{BAB6C5A2-CC81-4977-B240-19089D766093}"/>
    <cellStyle name="Normal 2 2" xfId="36" xr:uid="{F479B0EE-0DD9-404C-81EB-A3753294E4F1}"/>
    <cellStyle name="Normal 2 2 2" xfId="37" xr:uid="{332DDBDA-2450-420A-87D5-419CBDD5B67A}"/>
    <cellStyle name="Normal 3" xfId="38" xr:uid="{57A5EAF0-7B79-4017-B179-DF8B60E7C753}"/>
    <cellStyle name="Normal 3 2" xfId="39" xr:uid="{2C266292-0A6A-4073-A126-46F6FF39E19A}"/>
    <cellStyle name="Normal 3 3" xfId="72" xr:uid="{1064EE00-D837-4656-A3D7-BFD4E72FD307}"/>
    <cellStyle name="Normal 4" xfId="40" xr:uid="{5AD52EFB-51CE-438F-BF4D-A08E38DAB026}"/>
    <cellStyle name="Normal 5" xfId="27" xr:uid="{F40C8D7C-4B04-4345-9CC6-71D6D28A9733}"/>
    <cellStyle name="Normal 6" xfId="64" xr:uid="{B6D47967-44F0-4646-B237-B6A5063D88CE}"/>
    <cellStyle name="Normal 7" xfId="23" xr:uid="{3C9D2E59-2841-45FD-ADE7-55BDC66832E2}"/>
    <cellStyle name="Note" xfId="15" builtinId="10" customBuiltin="1"/>
    <cellStyle name="Output" xfId="10" builtinId="21" customBuiltin="1"/>
    <cellStyle name="Percent 2" xfId="71" xr:uid="{2983A006-339B-4B25-A8C4-5E947692BCB4}"/>
    <cellStyle name="Percent 3" xfId="65" xr:uid="{9763F61D-98FF-4AF6-B5EF-7CD27CCD3097}"/>
    <cellStyle name="Percent 4" xfId="41" xr:uid="{7367F211-F9A6-4263-A6AB-38BBC2DBEB69}"/>
    <cellStyle name="Sub-header" xfId="22" xr:uid="{C6EFD1BB-A2C3-E845-BE80-924550D97F4F}"/>
    <cellStyle name="Table header" xfId="21" xr:uid="{3C8134F2-EEAD-0147-AE5F-AB92DC5F81EB}"/>
    <cellStyle name="Title" xfId="1" builtinId="15" customBuiltin="1"/>
    <cellStyle name="Total" xfId="17" builtinId="25" customBuiltin="1"/>
    <cellStyle name="Warning Text" xfId="14" builtinId="11" customBuiltin="1"/>
  </cellStyles>
  <dxfs count="2">
    <dxf>
      <fill>
        <patternFill>
          <bgColor theme="3"/>
        </patternFill>
      </fill>
    </dxf>
    <dxf>
      <font>
        <b val="0"/>
        <i val="0"/>
      </font>
      <border diagonalUp="0" diagonalDown="0">
        <left style="thin">
          <color theme="9"/>
        </left>
        <right style="thin">
          <color theme="9"/>
        </right>
        <top style="thin">
          <color theme="9"/>
        </top>
        <bottom style="thin">
          <color theme="9"/>
        </bottom>
        <vertical style="thin">
          <color theme="9"/>
        </vertical>
        <horizontal style="thin">
          <color theme="9"/>
        </horizontal>
      </border>
    </dxf>
  </dxfs>
  <tableStyles count="1" defaultTableStyle="ERM table 1" defaultPivotStyle="PivotStyleLight16">
    <tableStyle name="ERM table 1" pivot="0" count="2" xr9:uid="{D894E281-B236-4745-8EC9-44A57C0774B5}">
      <tableStyleElement type="wholeTable" dxfId="1"/>
      <tableStyleElement type="headerRow" dxfId="0"/>
    </tableStyle>
  </tableStyles>
  <colors>
    <mruColors>
      <color rgb="FFFFFFCC"/>
      <color rgb="FFFF7C80"/>
      <color rgb="FFFF3600"/>
      <color rgb="FFD9D9D9"/>
      <color rgb="FFDCFF00"/>
      <color rgb="FF00EB0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microsoft.com/office/2017/10/relationships/person" Target="persons/person.xml"/><Relationship Id="rId13"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3.xml"/><Relationship Id="rId5" Type="http://schemas.openxmlformats.org/officeDocument/2006/relationships/theme" Target="theme/theme1.xml"/><Relationship Id="rId1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customXml" Target="../customXml/item1.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absolute">
    <xdr:from>
      <xdr:col>0</xdr:col>
      <xdr:colOff>68261</xdr:colOff>
      <xdr:row>3</xdr:row>
      <xdr:rowOff>49212</xdr:rowOff>
    </xdr:from>
    <xdr:to>
      <xdr:col>8</xdr:col>
      <xdr:colOff>19049</xdr:colOff>
      <xdr:row>19</xdr:row>
      <xdr:rowOff>104775</xdr:rowOff>
    </xdr:to>
    <xdr:sp macro="" textlink="">
      <xdr:nvSpPr>
        <xdr:cNvPr id="2" name="TextBox 5">
          <a:extLst>
            <a:ext uri="{FF2B5EF4-FFF2-40B4-BE49-F238E27FC236}">
              <a16:creationId xmlns:a16="http://schemas.microsoft.com/office/drawing/2014/main" id="{936A0BC6-3CC8-4E66-BA63-B9D113A150FF}"/>
            </a:ext>
          </a:extLst>
        </xdr:cNvPr>
        <xdr:cNvSpPr txBox="1"/>
      </xdr:nvSpPr>
      <xdr:spPr>
        <a:xfrm>
          <a:off x="68261" y="620712"/>
          <a:ext cx="9999663" cy="3103563"/>
        </a:xfrm>
        <a:prstGeom prst="rect">
          <a:avLst/>
        </a:prstGeom>
        <a:noFill/>
      </xdr:spPr>
      <xdr:txBody>
        <a:bodyPr vertOverflow="clip" horzOverflow="clip" wrap="square" rtlCol="0" anchor="t">
          <a:noAutofit/>
        </a:bodyPr>
        <a:lstStyle/>
        <a:p>
          <a:endParaRPr lang="en-US" sz="1800" b="0" i="0" u="none" strike="noStrike" baseline="0">
            <a:latin typeface="+mn-lt"/>
            <a:ea typeface="+mn-ea"/>
            <a:cs typeface="+mn-cs"/>
          </a:endParaRPr>
        </a:p>
        <a:p>
          <a:endParaRPr lang="en-US" sz="2800" b="0" i="0" u="none" strike="noStrike" baseline="0">
            <a:latin typeface="+mn-lt"/>
            <a:ea typeface="+mn-ea"/>
            <a:cs typeface="+mn-cs"/>
          </a:endParaRPr>
        </a:p>
        <a:p>
          <a:r>
            <a:rPr lang="en-US" sz="2800" b="0" i="0" u="none" strike="noStrike" baseline="0">
              <a:latin typeface="+mn-lt"/>
              <a:ea typeface="+mn-ea"/>
              <a:cs typeface="+mn-cs"/>
            </a:rPr>
            <a:t>2025 Sustainability Reporting Index </a:t>
          </a:r>
        </a:p>
        <a:p>
          <a:r>
            <a:rPr lang="en-US" sz="1800" b="0" i="0" u="none" strike="noStrike" baseline="0">
              <a:latin typeface="+mn-lt"/>
              <a:ea typeface="+mn-ea"/>
              <a:cs typeface="+mn-cs"/>
            </a:rPr>
            <a:t>About the 2025 Sustainability Reporting Index</a:t>
          </a:r>
        </a:p>
        <a:p>
          <a:endParaRPr lang="en-US" sz="1800" b="0" i="0" u="none" strike="noStrike" baseline="0">
            <a:latin typeface="+mn-lt"/>
            <a:ea typeface="+mn-ea"/>
            <a:cs typeface="+mn-cs"/>
          </a:endParaRPr>
        </a:p>
        <a:p>
          <a:r>
            <a:rPr lang="en-US" sz="1050"/>
            <a:t>Please use the tabs at the bottom to navigate through the indices against which First Majestic has reported its 2025 sustainability information.</a:t>
          </a:r>
          <a:endParaRPr lang="en-US" sz="1050" dirty="0" err="1"/>
        </a:p>
      </xdr:txBody>
    </xdr:sp>
    <xdr:clientData/>
  </xdr:twoCellAnchor>
  <xdr:twoCellAnchor editAs="absolute">
    <xdr:from>
      <xdr:col>0</xdr:col>
      <xdr:colOff>77471</xdr:colOff>
      <xdr:row>17</xdr:row>
      <xdr:rowOff>66462</xdr:rowOff>
    </xdr:from>
    <xdr:to>
      <xdr:col>8</xdr:col>
      <xdr:colOff>116206</xdr:colOff>
      <xdr:row>28</xdr:row>
      <xdr:rowOff>28363</xdr:rowOff>
    </xdr:to>
    <xdr:sp macro="" textlink="">
      <xdr:nvSpPr>
        <xdr:cNvPr id="3" name="TextBox 6">
          <a:extLst>
            <a:ext uri="{FF2B5EF4-FFF2-40B4-BE49-F238E27FC236}">
              <a16:creationId xmlns:a16="http://schemas.microsoft.com/office/drawing/2014/main" id="{190950E9-E5E6-4A08-85E3-CB406EADF318}"/>
            </a:ext>
          </a:extLst>
        </xdr:cNvPr>
        <xdr:cNvSpPr txBox="1"/>
      </xdr:nvSpPr>
      <xdr:spPr>
        <a:xfrm>
          <a:off x="77471" y="3311312"/>
          <a:ext cx="9493885" cy="2057401"/>
        </a:xfrm>
        <a:prstGeom prst="rect">
          <a:avLst/>
        </a:prstGeom>
        <a:noFill/>
      </xdr:spPr>
      <xdr:txBody>
        <a:bodyPr vertOverflow="clip" horzOverflow="clip" wrap="square" rtlCol="0" anchor="t">
          <a:noAutofit/>
        </a:bodyPr>
        <a:lstStyle/>
        <a:p>
          <a:r>
            <a:rPr lang="en-US" sz="1100" b="0" i="0" u="none" strike="noStrike" baseline="0">
              <a:effectLst/>
              <a:latin typeface="+mn-lt"/>
              <a:ea typeface="+mn-ea"/>
              <a:cs typeface="+mn-cs"/>
            </a:rPr>
            <a:t>First Majestic's 2025 Sustainability Report has been prepared in alignment with the Sustainability Accounting Standards Board ("SASB") accounting standard for the Metals &amp; Mining industry.</a:t>
          </a:r>
        </a:p>
        <a:p>
          <a:endParaRPr lang="en-US" sz="1100" b="0" i="0" u="none" strike="noStrike" baseline="0">
            <a:effectLst/>
            <a:latin typeface="+mn-lt"/>
            <a:ea typeface="+mn-ea"/>
            <a:cs typeface="+mn-cs"/>
          </a:endParaRPr>
        </a:p>
        <a:p>
          <a:r>
            <a:rPr lang="en-US" sz="1100" b="0" i="0" u="none" strike="noStrike" baseline="0">
              <a:effectLst/>
              <a:latin typeface="+mn-lt"/>
              <a:ea typeface="+mn-ea"/>
              <a:cs typeface="+mn-cs"/>
            </a:rPr>
            <a:t>To meet stakeholder disclosure expectations that are not addressed in the SASB standard, this report also incorporates select metrics from and is written in reference to the Global Reporting Initiative ('GRI") reporting standards and recommendations from the Taskforce for Climate-related Financial Disclosures ("TCFD").</a:t>
          </a:r>
        </a:p>
        <a:p>
          <a:endParaRPr lang="en-US" sz="1100" b="0" i="0" baseline="0">
            <a:effectLst/>
            <a:latin typeface="+mn-lt"/>
            <a:ea typeface="+mn-ea"/>
            <a:cs typeface="+mn-cs"/>
          </a:endParaRPr>
        </a:p>
        <a:p>
          <a:r>
            <a:rPr lang="en-US" sz="1100"/>
            <a:t>If you have any questions or feedback on our sustainability reporting index, sustainability report or any other related disclosure, please email info@firstmajestic.com. Last Updated: </a:t>
          </a:r>
          <a:r>
            <a:rPr lang="en-US" sz="1100">
              <a:solidFill>
                <a:srgbClr val="0070C0"/>
              </a:solidFill>
            </a:rPr>
            <a:t>April 23, 2026</a:t>
          </a:r>
          <a:endParaRPr lang="en-US" sz="1100" b="1" i="1" baseline="0">
            <a:solidFill>
              <a:srgbClr val="0070C0"/>
            </a:solidFill>
            <a:effectLst/>
            <a:latin typeface="+mn-lt"/>
            <a:ea typeface="+mn-ea"/>
            <a:cs typeface="+mn-cs"/>
          </a:endParaRPr>
        </a:p>
        <a:p>
          <a:endParaRPr lang="en-US" sz="900" b="1" i="1">
            <a:effectLst/>
            <a:latin typeface="+mn-lt"/>
            <a:ea typeface="+mn-ea"/>
            <a:cs typeface="+mn-cs"/>
          </a:endParaRPr>
        </a:p>
        <a:p>
          <a:endParaRPr lang="en-US" sz="1100">
            <a:effectLst/>
            <a:latin typeface="+mn-lt"/>
            <a:ea typeface="+mn-ea"/>
            <a:cs typeface="+mn-cs"/>
          </a:endParaRPr>
        </a:p>
        <a:p>
          <a:endParaRPr lang="en-US" sz="1600" dirty="0" err="1"/>
        </a:p>
      </xdr:txBody>
    </xdr:sp>
    <xdr:clientData/>
  </xdr:twoCellAnchor>
  <xdr:twoCellAnchor editAs="oneCell">
    <xdr:from>
      <xdr:col>0</xdr:col>
      <xdr:colOff>228600</xdr:colOff>
      <xdr:row>1</xdr:row>
      <xdr:rowOff>63500</xdr:rowOff>
    </xdr:from>
    <xdr:to>
      <xdr:col>0</xdr:col>
      <xdr:colOff>1693977</xdr:colOff>
      <xdr:row>6</xdr:row>
      <xdr:rowOff>66675</xdr:rowOff>
    </xdr:to>
    <xdr:pic>
      <xdr:nvPicPr>
        <xdr:cNvPr id="4" name="Picture 3">
          <a:extLst>
            <a:ext uri="{FF2B5EF4-FFF2-40B4-BE49-F238E27FC236}">
              <a16:creationId xmlns:a16="http://schemas.microsoft.com/office/drawing/2014/main" id="{71D3CA96-3A25-AAC8-D0C1-BA12F6647C3C}"/>
            </a:ext>
          </a:extLst>
        </xdr:cNvPr>
        <xdr:cNvPicPr>
          <a:picLocks noChangeAspect="1"/>
        </xdr:cNvPicPr>
      </xdr:nvPicPr>
      <xdr:blipFill>
        <a:blip xmlns:r="http://schemas.openxmlformats.org/officeDocument/2006/relationships" r:embed="rId1"/>
        <a:stretch>
          <a:fillRect/>
        </a:stretch>
      </xdr:blipFill>
      <xdr:spPr>
        <a:xfrm>
          <a:off x="228600" y="254000"/>
          <a:ext cx="1411402" cy="955675"/>
        </a:xfrm>
        <a:prstGeom prst="rect">
          <a:avLst/>
        </a:prstGeom>
      </xdr:spPr>
    </xdr:pic>
    <xdr:clientData/>
  </xdr:twoCellAnchor>
</xdr:wsDr>
</file>

<file path=xl/persons/person.xml><?xml version="1.0" encoding="utf-8"?>
<personList xmlns="http://schemas.microsoft.com/office/spreadsheetml/2018/threadedcomments" xmlns:x="http://schemas.openxmlformats.org/spreadsheetml/2006/main"/>
</file>

<file path=xl/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Verdana">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hyperlink" Target="https://www.firstmajestic.com/corporate/corporate-governance/" TargetMode="External"/><Relationship Id="rId1" Type="http://schemas.openxmlformats.org/officeDocument/2006/relationships/hyperlink" Target="https://www.firstmajestic.com/sustainability/tailings-management/"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92C4A3C-6EB2-4C40-B17A-857F4DE5448F}">
  <dimension ref="A30:D36"/>
  <sheetViews>
    <sheetView showGridLines="0" tabSelected="1" zoomScaleNormal="100" workbookViewId="0"/>
  </sheetViews>
  <sheetFormatPr defaultColWidth="11.3515625" defaultRowHeight="15" customHeight="1" x14ac:dyDescent="0.3"/>
  <cols>
    <col min="1" max="1" width="41.46875" style="1" customWidth="1"/>
    <col min="2" max="2" width="14.05859375" style="1" customWidth="1"/>
    <col min="3" max="16384" width="11.3515625" style="1"/>
  </cols>
  <sheetData>
    <row r="30" spans="1:4" ht="15" customHeight="1" x14ac:dyDescent="0.35">
      <c r="A30" s="20" t="s">
        <v>0</v>
      </c>
      <c r="B30" s="20"/>
      <c r="C30" s="20"/>
      <c r="D30" s="20"/>
    </row>
    <row r="31" spans="1:4" ht="15" customHeight="1" x14ac:dyDescent="0.35">
      <c r="A31" s="21" t="s">
        <v>381</v>
      </c>
    </row>
    <row r="32" spans="1:4" ht="15" customHeight="1" x14ac:dyDescent="0.35">
      <c r="A32" s="22" t="s">
        <v>1</v>
      </c>
    </row>
    <row r="33" spans="1:2" ht="15" customHeight="1" x14ac:dyDescent="0.35">
      <c r="A33" s="22" t="s">
        <v>370</v>
      </c>
      <c r="B33" s="21" t="s">
        <v>380</v>
      </c>
    </row>
    <row r="34" spans="1:2" ht="15" customHeight="1" x14ac:dyDescent="0.35">
      <c r="A34" s="21" t="s">
        <v>353</v>
      </c>
    </row>
    <row r="35" spans="1:2" ht="15" customHeight="1" x14ac:dyDescent="0.35">
      <c r="A35" s="33" t="s">
        <v>354</v>
      </c>
    </row>
    <row r="36" spans="1:2" ht="15" customHeight="1" x14ac:dyDescent="0.35">
      <c r="A36" s="33" t="s">
        <v>355</v>
      </c>
    </row>
  </sheetData>
  <sheetProtection algorithmName="SHA-512" hashValue="cd2U1u/Z6iXufZVClT1zVjYBFLxghDOjrbEG0+LkBqqsQ/5PR8ok+ERjJtwdmK6fuma9WcZfwsQd0/cK20o0yA==" saltValue="/xxGyU3qeRIFMfmjDvn6GQ==" spinCount="100000" sheet="1" objects="1" scenarios="1"/>
  <hyperlinks>
    <hyperlink ref="A32" r:id="rId1" xr:uid="{E1D92766-61EE-4AAC-92DC-F675FBB8B7A1}"/>
    <hyperlink ref="A33" r:id="rId2" display="First Majestic Corporate Governance Website" xr:uid="{29199CD0-1222-4190-A82E-E1657EE3B819}"/>
  </hyperlinks>
  <pageMargins left="0.7" right="0.7" top="0.75" bottom="0.75" header="0.3" footer="0.3"/>
  <drawing r:id="rId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25FB6F3-3FC7-4C14-AE44-539D7176B472}">
  <sheetPr>
    <tabColor theme="1"/>
  </sheetPr>
  <dimension ref="A1:G44"/>
  <sheetViews>
    <sheetView showGridLines="0" zoomScale="80" zoomScaleNormal="80" workbookViewId="0"/>
  </sheetViews>
  <sheetFormatPr defaultColWidth="9.234375" defaultRowHeight="12.4" x14ac:dyDescent="0.3"/>
  <cols>
    <col min="1" max="1" width="21.46875" style="5" customWidth="1"/>
    <col min="2" max="2" width="22.3515625" style="5" customWidth="1"/>
    <col min="3" max="3" width="52.8203125" style="5" customWidth="1"/>
    <col min="4" max="4" width="18.17578125" style="5" customWidth="1"/>
    <col min="5" max="5" width="71" style="5" customWidth="1"/>
    <col min="6" max="6" width="43.46875" style="5" customWidth="1"/>
    <col min="7" max="7" width="48.8203125" style="5" customWidth="1"/>
    <col min="8" max="16384" width="9.234375" style="5"/>
  </cols>
  <sheetData>
    <row r="1" spans="1:7" ht="17.649999999999999" x14ac:dyDescent="0.3">
      <c r="A1" s="3" t="s">
        <v>2</v>
      </c>
      <c r="B1" s="4"/>
      <c r="C1" s="4"/>
      <c r="D1" s="4"/>
      <c r="E1" s="4"/>
      <c r="F1" s="4"/>
      <c r="G1" s="4"/>
    </row>
    <row r="2" spans="1:7" ht="13.5" x14ac:dyDescent="0.3">
      <c r="A2" s="6" t="s">
        <v>3</v>
      </c>
      <c r="B2" s="6" t="s">
        <v>4</v>
      </c>
      <c r="C2" s="6" t="s">
        <v>5</v>
      </c>
      <c r="D2" s="6" t="s">
        <v>6</v>
      </c>
      <c r="E2" s="6" t="s">
        <v>7</v>
      </c>
      <c r="F2" s="7"/>
      <c r="G2" s="7"/>
    </row>
    <row r="3" spans="1:7" ht="85.5" customHeight="1" x14ac:dyDescent="0.3">
      <c r="A3" s="36" t="s">
        <v>8</v>
      </c>
      <c r="B3" s="8" t="s">
        <v>9</v>
      </c>
      <c r="C3" s="23" t="s">
        <v>10</v>
      </c>
      <c r="D3" s="9" t="s">
        <v>11</v>
      </c>
      <c r="E3" s="32" t="s">
        <v>356</v>
      </c>
      <c r="F3" s="10"/>
      <c r="G3" s="10"/>
    </row>
    <row r="4" spans="1:7" ht="66" customHeight="1" x14ac:dyDescent="0.3">
      <c r="A4" s="36"/>
      <c r="B4" s="8" t="s">
        <v>12</v>
      </c>
      <c r="C4" s="23" t="s">
        <v>13</v>
      </c>
      <c r="D4" s="9" t="s">
        <v>14</v>
      </c>
      <c r="E4" s="23" t="s">
        <v>15</v>
      </c>
      <c r="F4" s="10"/>
      <c r="G4" s="11"/>
    </row>
    <row r="5" spans="1:7" ht="83.55" customHeight="1" x14ac:dyDescent="0.3">
      <c r="A5" s="8" t="s">
        <v>16</v>
      </c>
      <c r="B5" s="8" t="s">
        <v>17</v>
      </c>
      <c r="C5" s="23" t="s">
        <v>18</v>
      </c>
      <c r="D5" s="9" t="s">
        <v>11</v>
      </c>
      <c r="E5" s="32" t="s">
        <v>357</v>
      </c>
      <c r="F5" s="7"/>
      <c r="G5" s="10"/>
    </row>
    <row r="6" spans="1:7" ht="102" customHeight="1" x14ac:dyDescent="0.3">
      <c r="A6" s="8" t="s">
        <v>19</v>
      </c>
      <c r="B6" s="8" t="s">
        <v>20</v>
      </c>
      <c r="C6" s="23" t="s">
        <v>21</v>
      </c>
      <c r="D6" s="9" t="s">
        <v>11</v>
      </c>
      <c r="E6" s="32" t="s">
        <v>363</v>
      </c>
      <c r="F6" s="10"/>
      <c r="G6" s="10"/>
    </row>
    <row r="7" spans="1:7" ht="48" customHeight="1" x14ac:dyDescent="0.3">
      <c r="A7" s="36" t="s">
        <v>22</v>
      </c>
      <c r="B7" s="8" t="s">
        <v>23</v>
      </c>
      <c r="C7" s="23" t="s">
        <v>24</v>
      </c>
      <c r="D7" s="9" t="s">
        <v>11</v>
      </c>
      <c r="E7" s="23" t="s">
        <v>25</v>
      </c>
      <c r="F7" s="10"/>
      <c r="G7" s="11"/>
    </row>
    <row r="8" spans="1:7" ht="53.25" customHeight="1" x14ac:dyDescent="0.3">
      <c r="A8" s="36"/>
      <c r="B8" s="8" t="s">
        <v>26</v>
      </c>
      <c r="C8" s="23" t="s">
        <v>27</v>
      </c>
      <c r="D8" s="9" t="s">
        <v>11</v>
      </c>
      <c r="E8" s="23" t="s">
        <v>25</v>
      </c>
      <c r="F8" s="10"/>
      <c r="G8" s="10"/>
    </row>
    <row r="9" spans="1:7" ht="75" customHeight="1" x14ac:dyDescent="0.3">
      <c r="A9" s="36" t="s">
        <v>28</v>
      </c>
      <c r="B9" s="8" t="s">
        <v>29</v>
      </c>
      <c r="C9" s="23" t="s">
        <v>30</v>
      </c>
      <c r="D9" s="9" t="s">
        <v>11</v>
      </c>
      <c r="E9" s="23" t="s">
        <v>31</v>
      </c>
      <c r="F9" s="10"/>
      <c r="G9" s="10"/>
    </row>
    <row r="10" spans="1:7" ht="64.05" customHeight="1" x14ac:dyDescent="0.3">
      <c r="A10" s="36"/>
      <c r="B10" s="8" t="s">
        <v>32</v>
      </c>
      <c r="C10" s="23" t="s">
        <v>33</v>
      </c>
      <c r="D10" s="9" t="s">
        <v>11</v>
      </c>
      <c r="E10" s="32" t="s">
        <v>358</v>
      </c>
      <c r="F10" s="10"/>
      <c r="G10" s="11"/>
    </row>
    <row r="11" spans="1:7" ht="54" x14ac:dyDescent="0.3">
      <c r="A11" s="36"/>
      <c r="B11" s="8" t="s">
        <v>34</v>
      </c>
      <c r="C11" s="23" t="s">
        <v>35</v>
      </c>
      <c r="D11" s="9" t="s">
        <v>11</v>
      </c>
      <c r="E11" s="23" t="s">
        <v>31</v>
      </c>
      <c r="F11" s="10"/>
      <c r="G11" s="11"/>
    </row>
    <row r="12" spans="1:7" ht="54" x14ac:dyDescent="0.3">
      <c r="A12" s="36"/>
      <c r="B12" s="8" t="s">
        <v>36</v>
      </c>
      <c r="C12" s="23" t="s">
        <v>37</v>
      </c>
      <c r="D12" s="9" t="s">
        <v>11</v>
      </c>
      <c r="E12" s="23" t="s">
        <v>31</v>
      </c>
      <c r="F12" s="10"/>
      <c r="G12" s="12"/>
    </row>
    <row r="13" spans="1:7" ht="54" x14ac:dyDescent="0.3">
      <c r="A13" s="36"/>
      <c r="B13" s="8" t="s">
        <v>38</v>
      </c>
      <c r="C13" s="2" t="s">
        <v>39</v>
      </c>
      <c r="D13" s="2" t="s">
        <v>11</v>
      </c>
      <c r="E13" s="2" t="s">
        <v>31</v>
      </c>
      <c r="F13" s="10"/>
      <c r="G13" s="12"/>
    </row>
    <row r="14" spans="1:7" ht="54" x14ac:dyDescent="0.3">
      <c r="A14" s="36"/>
      <c r="B14" s="8" t="s">
        <v>40</v>
      </c>
      <c r="C14" s="2" t="s">
        <v>41</v>
      </c>
      <c r="D14" s="2" t="s">
        <v>11</v>
      </c>
      <c r="E14" s="2" t="s">
        <v>31</v>
      </c>
      <c r="F14" s="10"/>
      <c r="G14" s="10"/>
    </row>
    <row r="15" spans="1:7" ht="40.5" x14ac:dyDescent="0.3">
      <c r="A15" s="36"/>
      <c r="B15" s="8" t="s">
        <v>42</v>
      </c>
      <c r="C15" s="2" t="s">
        <v>43</v>
      </c>
      <c r="D15" s="2" t="s">
        <v>44</v>
      </c>
      <c r="E15" s="2" t="s">
        <v>45</v>
      </c>
      <c r="F15" s="10"/>
      <c r="G15" s="10"/>
    </row>
    <row r="16" spans="1:7" ht="27" x14ac:dyDescent="0.3">
      <c r="A16" s="36" t="s">
        <v>46</v>
      </c>
      <c r="B16" s="8" t="s">
        <v>47</v>
      </c>
      <c r="C16" s="2" t="s">
        <v>48</v>
      </c>
      <c r="D16" s="2" t="s">
        <v>14</v>
      </c>
      <c r="E16" s="2" t="s">
        <v>49</v>
      </c>
      <c r="F16" s="10"/>
      <c r="G16" s="12"/>
    </row>
    <row r="17" spans="1:7" ht="67.5" x14ac:dyDescent="0.3">
      <c r="A17" s="36"/>
      <c r="B17" s="8" t="s">
        <v>50</v>
      </c>
      <c r="C17" s="2" t="s">
        <v>51</v>
      </c>
      <c r="D17" s="2" t="s">
        <v>11</v>
      </c>
      <c r="E17" s="2" t="s">
        <v>359</v>
      </c>
      <c r="F17" s="10"/>
      <c r="G17" s="12"/>
    </row>
    <row r="18" spans="1:7" ht="81" x14ac:dyDescent="0.3">
      <c r="A18" s="36"/>
      <c r="B18" s="27" t="s">
        <v>52</v>
      </c>
      <c r="C18" s="2" t="s">
        <v>53</v>
      </c>
      <c r="D18" s="2" t="s">
        <v>11</v>
      </c>
      <c r="E18" s="2" t="s">
        <v>360</v>
      </c>
      <c r="F18" s="10"/>
      <c r="G18" s="12"/>
    </row>
    <row r="19" spans="1:7" ht="145.5" customHeight="1" x14ac:dyDescent="0.3">
      <c r="A19" s="36" t="s">
        <v>54</v>
      </c>
      <c r="B19" s="8" t="s">
        <v>55</v>
      </c>
      <c r="C19" s="2" t="s">
        <v>56</v>
      </c>
      <c r="D19" s="2" t="s">
        <v>11</v>
      </c>
      <c r="E19" s="2" t="s">
        <v>361</v>
      </c>
      <c r="F19" s="10"/>
      <c r="G19" s="12"/>
    </row>
    <row r="20" spans="1:7" ht="27" x14ac:dyDescent="0.3">
      <c r="A20" s="36"/>
      <c r="B20" s="8" t="s">
        <v>57</v>
      </c>
      <c r="C20" s="2" t="s">
        <v>58</v>
      </c>
      <c r="D20" s="2" t="s">
        <v>11</v>
      </c>
      <c r="E20" s="2" t="s">
        <v>362</v>
      </c>
      <c r="F20" s="10"/>
      <c r="G20" s="12"/>
    </row>
    <row r="21" spans="1:7" ht="128.55000000000001" customHeight="1" x14ac:dyDescent="0.3">
      <c r="A21" s="36"/>
      <c r="B21" s="8" t="s">
        <v>59</v>
      </c>
      <c r="C21" s="2" t="s">
        <v>60</v>
      </c>
      <c r="D21" s="2" t="s">
        <v>44</v>
      </c>
      <c r="E21" s="26" t="s">
        <v>364</v>
      </c>
      <c r="F21" s="10"/>
      <c r="G21" s="12"/>
    </row>
    <row r="22" spans="1:7" ht="40.5" x14ac:dyDescent="0.3">
      <c r="A22" s="36" t="s">
        <v>61</v>
      </c>
      <c r="B22" s="8" t="s">
        <v>62</v>
      </c>
      <c r="C22" s="2" t="s">
        <v>63</v>
      </c>
      <c r="D22" s="2" t="s">
        <v>44</v>
      </c>
      <c r="E22" s="2" t="s">
        <v>64</v>
      </c>
      <c r="F22" s="10"/>
      <c r="G22" s="12"/>
    </row>
    <row r="23" spans="1:7" ht="27" x14ac:dyDescent="0.3">
      <c r="A23" s="36"/>
      <c r="B23" s="8" t="s">
        <v>65</v>
      </c>
      <c r="C23" s="2" t="s">
        <v>66</v>
      </c>
      <c r="D23" s="2" t="s">
        <v>11</v>
      </c>
      <c r="E23" s="2" t="s">
        <v>67</v>
      </c>
      <c r="F23" s="10"/>
      <c r="G23" s="12"/>
    </row>
    <row r="24" spans="1:7" ht="40.5" x14ac:dyDescent="0.3">
      <c r="A24" s="36" t="s">
        <v>68</v>
      </c>
      <c r="B24" s="8" t="s">
        <v>69</v>
      </c>
      <c r="C24" s="2" t="s">
        <v>70</v>
      </c>
      <c r="D24" s="2" t="s">
        <v>11</v>
      </c>
      <c r="E24" s="2" t="s">
        <v>71</v>
      </c>
      <c r="F24" s="10"/>
      <c r="G24" s="12"/>
    </row>
    <row r="25" spans="1:7" ht="27" x14ac:dyDescent="0.3">
      <c r="A25" s="36"/>
      <c r="B25" s="8" t="s">
        <v>72</v>
      </c>
      <c r="C25" s="2" t="s">
        <v>73</v>
      </c>
      <c r="D25" s="2" t="s">
        <v>11</v>
      </c>
      <c r="E25" s="2" t="s">
        <v>365</v>
      </c>
      <c r="F25" s="10"/>
      <c r="G25" s="12"/>
    </row>
    <row r="26" spans="1:7" ht="54" x14ac:dyDescent="0.3">
      <c r="A26" s="8" t="s">
        <v>74</v>
      </c>
      <c r="B26" s="8" t="s">
        <v>75</v>
      </c>
      <c r="C26" s="2" t="s">
        <v>76</v>
      </c>
      <c r="D26" s="2" t="s">
        <v>11</v>
      </c>
      <c r="E26" s="2" t="s">
        <v>77</v>
      </c>
      <c r="F26" s="13"/>
      <c r="G26" s="12"/>
    </row>
    <row r="27" spans="1:7" ht="40.5" x14ac:dyDescent="0.3">
      <c r="A27" s="36" t="s">
        <v>78</v>
      </c>
      <c r="B27" s="8" t="s">
        <v>79</v>
      </c>
      <c r="C27" s="2" t="s">
        <v>80</v>
      </c>
      <c r="D27" s="2" t="s">
        <v>44</v>
      </c>
      <c r="E27" s="2" t="s">
        <v>81</v>
      </c>
      <c r="F27" s="10"/>
      <c r="G27" s="10"/>
    </row>
    <row r="28" spans="1:7" ht="27" x14ac:dyDescent="0.3">
      <c r="A28" s="36"/>
      <c r="B28" s="8" t="s">
        <v>82</v>
      </c>
      <c r="C28" s="2" t="s">
        <v>83</v>
      </c>
      <c r="D28" s="2" t="s">
        <v>11</v>
      </c>
      <c r="E28" s="2" t="s">
        <v>84</v>
      </c>
    </row>
    <row r="29" spans="1:7" ht="94.5" x14ac:dyDescent="0.3">
      <c r="A29" s="37" t="s">
        <v>85</v>
      </c>
      <c r="B29" s="8" t="s">
        <v>86</v>
      </c>
      <c r="C29" s="2" t="s">
        <v>87</v>
      </c>
      <c r="D29" s="2" t="s">
        <v>11</v>
      </c>
      <c r="E29" s="2" t="s">
        <v>88</v>
      </c>
    </row>
    <row r="30" spans="1:7" ht="40.5" x14ac:dyDescent="0.3">
      <c r="A30" s="37"/>
      <c r="B30" s="8" t="s">
        <v>89</v>
      </c>
      <c r="C30" s="2" t="s">
        <v>90</v>
      </c>
      <c r="D30" s="2" t="s">
        <v>44</v>
      </c>
      <c r="E30" s="2" t="s">
        <v>91</v>
      </c>
    </row>
    <row r="31" spans="1:7" ht="40.5" x14ac:dyDescent="0.3">
      <c r="A31" s="37"/>
      <c r="B31" s="8" t="s">
        <v>92</v>
      </c>
      <c r="C31" s="2" t="s">
        <v>93</v>
      </c>
      <c r="D31" s="2" t="s">
        <v>44</v>
      </c>
      <c r="E31" s="2" t="s">
        <v>94</v>
      </c>
    </row>
    <row r="32" spans="1:7" ht="41.55" customHeight="1" x14ac:dyDescent="0.3">
      <c r="A32" s="37" t="s">
        <v>95</v>
      </c>
      <c r="B32" s="8" t="s">
        <v>96</v>
      </c>
      <c r="C32" s="2" t="s">
        <v>97</v>
      </c>
      <c r="D32" s="2" t="s">
        <v>11</v>
      </c>
      <c r="E32" s="2" t="s">
        <v>98</v>
      </c>
    </row>
    <row r="33" spans="1:5" ht="27" x14ac:dyDescent="0.3">
      <c r="A33" s="37"/>
      <c r="B33" s="8" t="s">
        <v>96</v>
      </c>
      <c r="C33" s="2" t="s">
        <v>99</v>
      </c>
      <c r="D33" s="2" t="s">
        <v>11</v>
      </c>
      <c r="E33" s="2" t="s">
        <v>100</v>
      </c>
    </row>
    <row r="34" spans="1:5" x14ac:dyDescent="0.3">
      <c r="C34" s="14"/>
    </row>
    <row r="35" spans="1:5" x14ac:dyDescent="0.3">
      <c r="C35" s="14"/>
    </row>
    <row r="36" spans="1:5" x14ac:dyDescent="0.3">
      <c r="C36" s="14"/>
    </row>
    <row r="37" spans="1:5" x14ac:dyDescent="0.3">
      <c r="C37" s="14"/>
    </row>
    <row r="38" spans="1:5" x14ac:dyDescent="0.3">
      <c r="C38" s="14"/>
    </row>
    <row r="39" spans="1:5" x14ac:dyDescent="0.3">
      <c r="C39" s="14"/>
    </row>
    <row r="40" spans="1:5" x14ac:dyDescent="0.3">
      <c r="C40" s="14"/>
    </row>
    <row r="41" spans="1:5" x14ac:dyDescent="0.3">
      <c r="C41" s="14"/>
    </row>
    <row r="42" spans="1:5" x14ac:dyDescent="0.3">
      <c r="C42" s="14"/>
    </row>
    <row r="43" spans="1:5" x14ac:dyDescent="0.3">
      <c r="C43" s="14"/>
    </row>
    <row r="44" spans="1:5" x14ac:dyDescent="0.3">
      <c r="C44" s="14"/>
    </row>
  </sheetData>
  <sheetProtection algorithmName="SHA-512" hashValue="DSA8eVqjDB2LSZfetRkcBs4WStfJMMNIpEXlOfTVa20c+lE2xJucmYKbNiGq8v03RhYtUyQtIYjjEedfe0v9cQ==" saltValue="Og2xAPv5TaEqRceKQVs45A==" spinCount="100000" sheet="1" objects="1" scenarios="1"/>
  <mergeCells count="10">
    <mergeCell ref="A24:A25"/>
    <mergeCell ref="A27:A28"/>
    <mergeCell ref="A29:A31"/>
    <mergeCell ref="A32:A33"/>
    <mergeCell ref="A3:A4"/>
    <mergeCell ref="A7:A8"/>
    <mergeCell ref="A9:A15"/>
    <mergeCell ref="A16:A18"/>
    <mergeCell ref="A19:A21"/>
    <mergeCell ref="A22:A23"/>
  </mergeCells>
  <phoneticPr fontId="22" type="noConversion"/>
  <pageMargins left="0.7" right="0.7" top="0.75" bottom="0.75" header="0.3" footer="0.3"/>
  <pageSetup orientation="portrait" verticalDpi="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F4B8245-B97C-4218-9B43-84312CBCB3C6}">
  <sheetPr>
    <tabColor theme="1"/>
  </sheetPr>
  <dimension ref="A1:G192"/>
  <sheetViews>
    <sheetView showGridLines="0" zoomScale="80" zoomScaleNormal="80" workbookViewId="0"/>
  </sheetViews>
  <sheetFormatPr defaultColWidth="9.234375" defaultRowHeight="12.4" x14ac:dyDescent="0.3"/>
  <cols>
    <col min="1" max="2" width="21.46875" style="5" customWidth="1"/>
    <col min="3" max="3" width="22.46875" style="5" customWidth="1"/>
    <col min="4" max="4" width="40.17578125" style="5" customWidth="1"/>
    <col min="5" max="5" width="62.17578125" style="5" customWidth="1"/>
    <col min="6" max="16384" width="9.234375" style="5"/>
  </cols>
  <sheetData>
    <row r="1" spans="1:7" ht="17.649999999999999" x14ac:dyDescent="0.3">
      <c r="A1" s="3" t="s">
        <v>101</v>
      </c>
      <c r="B1" s="3"/>
      <c r="C1" s="4"/>
      <c r="D1" s="4"/>
      <c r="E1" s="4"/>
      <c r="F1" s="10"/>
      <c r="G1" s="10"/>
    </row>
    <row r="2" spans="1:7" ht="13.5" x14ac:dyDescent="0.3">
      <c r="A2" s="15" t="s">
        <v>102</v>
      </c>
      <c r="B2" s="15"/>
      <c r="C2" s="4"/>
      <c r="D2" s="4"/>
      <c r="E2" s="4"/>
      <c r="F2" s="4"/>
      <c r="G2" s="4"/>
    </row>
    <row r="3" spans="1:7" ht="32.25" customHeight="1" x14ac:dyDescent="0.3">
      <c r="A3" s="6" t="s">
        <v>3</v>
      </c>
      <c r="B3" s="6" t="s">
        <v>103</v>
      </c>
      <c r="C3" s="6" t="s">
        <v>104</v>
      </c>
      <c r="D3" s="6" t="s">
        <v>105</v>
      </c>
      <c r="E3" s="6" t="s">
        <v>7</v>
      </c>
      <c r="F3" s="10"/>
      <c r="G3" s="10"/>
    </row>
    <row r="4" spans="1:7" ht="27" x14ac:dyDescent="0.3">
      <c r="A4" s="37" t="s">
        <v>106</v>
      </c>
      <c r="B4" s="36" t="s">
        <v>107</v>
      </c>
      <c r="C4" s="16" t="s">
        <v>108</v>
      </c>
      <c r="D4" s="17" t="s">
        <v>109</v>
      </c>
      <c r="E4" s="2" t="s">
        <v>110</v>
      </c>
      <c r="F4" s="10"/>
      <c r="G4" s="18"/>
    </row>
    <row r="5" spans="1:7" ht="27" x14ac:dyDescent="0.3">
      <c r="A5" s="37"/>
      <c r="B5" s="36"/>
      <c r="C5" s="16" t="s">
        <v>111</v>
      </c>
      <c r="D5" s="17" t="s">
        <v>112</v>
      </c>
      <c r="E5" s="2" t="s">
        <v>110</v>
      </c>
      <c r="F5" s="7"/>
      <c r="G5" s="10"/>
    </row>
    <row r="6" spans="1:7" ht="27" x14ac:dyDescent="0.3">
      <c r="A6" s="37"/>
      <c r="B6" s="36"/>
      <c r="C6" s="16" t="s">
        <v>113</v>
      </c>
      <c r="D6" s="29" t="s">
        <v>114</v>
      </c>
      <c r="E6" s="26" t="s">
        <v>366</v>
      </c>
      <c r="F6" s="10"/>
      <c r="G6" s="10"/>
    </row>
    <row r="7" spans="1:7" ht="27" x14ac:dyDescent="0.3">
      <c r="A7" s="37"/>
      <c r="B7" s="36"/>
      <c r="C7" s="16" t="s">
        <v>115</v>
      </c>
      <c r="D7" s="17" t="s">
        <v>116</v>
      </c>
      <c r="E7" s="2" t="s">
        <v>117</v>
      </c>
      <c r="F7" s="10"/>
      <c r="G7" s="18"/>
    </row>
    <row r="8" spans="1:7" ht="40.5" x14ac:dyDescent="0.3">
      <c r="A8" s="37"/>
      <c r="B8" s="36" t="s">
        <v>118</v>
      </c>
      <c r="C8" s="16" t="s">
        <v>119</v>
      </c>
      <c r="D8" s="17" t="s">
        <v>120</v>
      </c>
      <c r="E8" s="2" t="s">
        <v>121</v>
      </c>
      <c r="F8" s="10"/>
      <c r="G8" s="10"/>
    </row>
    <row r="9" spans="1:7" ht="40.5" x14ac:dyDescent="0.3">
      <c r="A9" s="37"/>
      <c r="B9" s="36"/>
      <c r="C9" s="16" t="s">
        <v>122</v>
      </c>
      <c r="D9" s="17" t="s">
        <v>123</v>
      </c>
      <c r="E9" s="2" t="s">
        <v>124</v>
      </c>
      <c r="F9" s="10"/>
      <c r="G9" s="10"/>
    </row>
    <row r="10" spans="1:7" ht="40.5" x14ac:dyDescent="0.3">
      <c r="A10" s="37"/>
      <c r="B10" s="36" t="s">
        <v>125</v>
      </c>
      <c r="C10" s="16" t="s">
        <v>126</v>
      </c>
      <c r="D10" s="17" t="s">
        <v>127</v>
      </c>
      <c r="E10" s="26" t="s">
        <v>367</v>
      </c>
      <c r="F10" s="10"/>
      <c r="G10" s="18"/>
    </row>
    <row r="11" spans="1:7" ht="27" x14ac:dyDescent="0.3">
      <c r="A11" s="37"/>
      <c r="B11" s="36"/>
      <c r="C11" s="16" t="s">
        <v>128</v>
      </c>
      <c r="D11" s="17" t="s">
        <v>129</v>
      </c>
      <c r="E11" s="2" t="s">
        <v>130</v>
      </c>
      <c r="F11" s="10"/>
      <c r="G11" s="11"/>
    </row>
    <row r="12" spans="1:7" ht="40.5" x14ac:dyDescent="0.3">
      <c r="A12" s="37"/>
      <c r="B12" s="36"/>
      <c r="C12" s="16" t="s">
        <v>131</v>
      </c>
      <c r="D12" s="17" t="s">
        <v>132</v>
      </c>
      <c r="E12" s="2" t="s">
        <v>133</v>
      </c>
      <c r="F12" s="10"/>
      <c r="G12" s="12"/>
    </row>
    <row r="13" spans="1:7" ht="40.5" x14ac:dyDescent="0.3">
      <c r="A13" s="37"/>
      <c r="B13" s="36"/>
      <c r="C13" s="16" t="s">
        <v>134</v>
      </c>
      <c r="D13" s="17" t="s">
        <v>135</v>
      </c>
      <c r="E13" s="26" t="s">
        <v>367</v>
      </c>
      <c r="F13" s="10"/>
      <c r="G13" s="12"/>
    </row>
    <row r="14" spans="1:7" ht="27" x14ac:dyDescent="0.3">
      <c r="A14" s="37"/>
      <c r="B14" s="36"/>
      <c r="C14" s="16" t="s">
        <v>136</v>
      </c>
      <c r="D14" s="17" t="s">
        <v>137</v>
      </c>
      <c r="E14" s="2" t="s">
        <v>138</v>
      </c>
      <c r="F14" s="10"/>
      <c r="G14" s="10"/>
    </row>
    <row r="15" spans="1:7" ht="27" x14ac:dyDescent="0.3">
      <c r="A15" s="37"/>
      <c r="B15" s="36"/>
      <c r="C15" s="16" t="s">
        <v>139</v>
      </c>
      <c r="D15" s="17" t="s">
        <v>140</v>
      </c>
      <c r="E15" s="2" t="s">
        <v>138</v>
      </c>
      <c r="F15" s="10"/>
      <c r="G15" s="10"/>
    </row>
    <row r="16" spans="1:7" ht="40.5" x14ac:dyDescent="0.3">
      <c r="A16" s="37"/>
      <c r="B16" s="36"/>
      <c r="C16" s="16" t="s">
        <v>141</v>
      </c>
      <c r="D16" s="17" t="s">
        <v>142</v>
      </c>
      <c r="E16" s="2" t="s">
        <v>143</v>
      </c>
      <c r="F16" s="10"/>
      <c r="G16" s="12"/>
    </row>
    <row r="17" spans="1:7" ht="13.5" x14ac:dyDescent="0.3">
      <c r="A17" s="37"/>
      <c r="B17" s="36"/>
      <c r="C17" s="16" t="s">
        <v>144</v>
      </c>
      <c r="D17" s="17" t="s">
        <v>145</v>
      </c>
      <c r="E17" s="2" t="s">
        <v>146</v>
      </c>
      <c r="F17" s="10"/>
      <c r="G17" s="12"/>
    </row>
    <row r="18" spans="1:7" ht="27" x14ac:dyDescent="0.3">
      <c r="A18" s="37"/>
      <c r="B18" s="36"/>
      <c r="C18" s="16" t="s">
        <v>147</v>
      </c>
      <c r="D18" s="17" t="s">
        <v>148</v>
      </c>
      <c r="E18" s="2" t="s">
        <v>149</v>
      </c>
      <c r="F18" s="10"/>
      <c r="G18" s="12"/>
    </row>
    <row r="19" spans="1:7" ht="27" x14ac:dyDescent="0.3">
      <c r="A19" s="37"/>
      <c r="B19" s="36"/>
      <c r="C19" s="16" t="s">
        <v>150</v>
      </c>
      <c r="D19" s="17" t="s">
        <v>151</v>
      </c>
      <c r="E19" s="2" t="s">
        <v>152</v>
      </c>
      <c r="F19" s="10"/>
      <c r="G19" s="12"/>
    </row>
    <row r="20" spans="1:7" ht="27" x14ac:dyDescent="0.3">
      <c r="A20" s="37"/>
      <c r="B20" s="36"/>
      <c r="C20" s="16" t="s">
        <v>153</v>
      </c>
      <c r="D20" s="17" t="s">
        <v>154</v>
      </c>
      <c r="E20" s="2" t="s">
        <v>155</v>
      </c>
      <c r="F20" s="10"/>
      <c r="G20" s="12"/>
    </row>
    <row r="21" spans="1:7" ht="27" x14ac:dyDescent="0.3">
      <c r="A21" s="37"/>
      <c r="B21" s="36"/>
      <c r="C21" s="16" t="s">
        <v>156</v>
      </c>
      <c r="D21" s="17" t="s">
        <v>157</v>
      </c>
      <c r="E21" s="2" t="s">
        <v>155</v>
      </c>
      <c r="F21" s="10"/>
      <c r="G21" s="12"/>
    </row>
    <row r="22" spans="1:7" ht="27" x14ac:dyDescent="0.3">
      <c r="A22" s="37"/>
      <c r="B22" s="36" t="s">
        <v>158</v>
      </c>
      <c r="C22" s="16" t="s">
        <v>159</v>
      </c>
      <c r="D22" s="17" t="s">
        <v>160</v>
      </c>
      <c r="E22" s="2" t="s">
        <v>368</v>
      </c>
      <c r="F22" s="10"/>
      <c r="G22" s="12"/>
    </row>
    <row r="23" spans="1:7" ht="40.5" x14ac:dyDescent="0.3">
      <c r="A23" s="37"/>
      <c r="B23" s="36"/>
      <c r="C23" s="16" t="s">
        <v>161</v>
      </c>
      <c r="D23" s="17" t="s">
        <v>162</v>
      </c>
      <c r="E23" s="26" t="s">
        <v>369</v>
      </c>
      <c r="F23" s="10"/>
      <c r="G23" s="12"/>
    </row>
    <row r="24" spans="1:7" ht="27" x14ac:dyDescent="0.3">
      <c r="A24" s="37"/>
      <c r="B24" s="36"/>
      <c r="C24" s="16" t="s">
        <v>163</v>
      </c>
      <c r="D24" s="17" t="s">
        <v>164</v>
      </c>
      <c r="E24" s="2" t="s">
        <v>146</v>
      </c>
      <c r="F24" s="13"/>
      <c r="G24" s="12"/>
    </row>
    <row r="25" spans="1:7" ht="27" x14ac:dyDescent="0.3">
      <c r="A25" s="37"/>
      <c r="B25" s="36"/>
      <c r="C25" s="16" t="s">
        <v>165</v>
      </c>
      <c r="D25" s="17" t="s">
        <v>166</v>
      </c>
      <c r="E25" s="2" t="s">
        <v>167</v>
      </c>
      <c r="F25" s="10"/>
      <c r="G25" s="10"/>
    </row>
    <row r="26" spans="1:7" ht="40.5" x14ac:dyDescent="0.3">
      <c r="A26" s="37"/>
      <c r="B26" s="37" t="s">
        <v>168</v>
      </c>
      <c r="C26" s="30" t="s">
        <v>169</v>
      </c>
      <c r="D26" s="17" t="s">
        <v>170</v>
      </c>
      <c r="E26" s="2" t="s">
        <v>171</v>
      </c>
    </row>
    <row r="27" spans="1:7" ht="40.5" x14ac:dyDescent="0.3">
      <c r="A27" s="37"/>
      <c r="B27" s="37"/>
      <c r="C27" s="30" t="s">
        <v>172</v>
      </c>
      <c r="D27" s="17" t="s">
        <v>173</v>
      </c>
      <c r="E27" s="2" t="s">
        <v>371</v>
      </c>
    </row>
    <row r="28" spans="1:7" ht="40.5" x14ac:dyDescent="0.3">
      <c r="A28" s="37" t="s">
        <v>174</v>
      </c>
      <c r="B28" s="37" t="s">
        <v>175</v>
      </c>
      <c r="C28" s="30" t="s">
        <v>176</v>
      </c>
      <c r="D28" s="17" t="s">
        <v>177</v>
      </c>
      <c r="E28" s="2" t="s">
        <v>372</v>
      </c>
    </row>
    <row r="29" spans="1:7" ht="40.5" x14ac:dyDescent="0.3">
      <c r="A29" s="37"/>
      <c r="B29" s="37"/>
      <c r="C29" s="30" t="s">
        <v>178</v>
      </c>
      <c r="D29" s="17" t="s">
        <v>179</v>
      </c>
      <c r="E29" s="26" t="s">
        <v>373</v>
      </c>
    </row>
    <row r="30" spans="1:7" ht="27" x14ac:dyDescent="0.3">
      <c r="A30" s="37"/>
      <c r="B30" s="37"/>
      <c r="C30" s="30" t="s">
        <v>180</v>
      </c>
      <c r="D30" s="17" t="s">
        <v>181</v>
      </c>
      <c r="E30" s="2" t="s">
        <v>182</v>
      </c>
    </row>
    <row r="31" spans="1:7" ht="27" x14ac:dyDescent="0.3">
      <c r="A31" s="37" t="s">
        <v>183</v>
      </c>
      <c r="B31" s="37" t="s">
        <v>184</v>
      </c>
      <c r="C31" s="30" t="s">
        <v>185</v>
      </c>
      <c r="D31" s="17" t="s">
        <v>186</v>
      </c>
      <c r="E31" s="2" t="s">
        <v>187</v>
      </c>
    </row>
    <row r="32" spans="1:7" ht="27" x14ac:dyDescent="0.3">
      <c r="A32" s="37"/>
      <c r="B32" s="37"/>
      <c r="C32" s="30" t="s">
        <v>188</v>
      </c>
      <c r="D32" s="17" t="s">
        <v>189</v>
      </c>
      <c r="E32" s="2" t="s">
        <v>374</v>
      </c>
    </row>
    <row r="33" spans="1:5" ht="40.5" x14ac:dyDescent="0.3">
      <c r="A33" s="37"/>
      <c r="B33" s="28" t="s">
        <v>190</v>
      </c>
      <c r="C33" s="30" t="s">
        <v>180</v>
      </c>
      <c r="D33" s="17" t="s">
        <v>191</v>
      </c>
      <c r="E33" s="2" t="s">
        <v>192</v>
      </c>
    </row>
    <row r="34" spans="1:5" ht="27" x14ac:dyDescent="0.3">
      <c r="A34" s="37"/>
      <c r="B34" s="28" t="s">
        <v>193</v>
      </c>
      <c r="C34" s="30" t="s">
        <v>180</v>
      </c>
      <c r="D34" s="17" t="s">
        <v>191</v>
      </c>
      <c r="E34" s="2" t="s">
        <v>194</v>
      </c>
    </row>
    <row r="35" spans="1:5" ht="40.5" x14ac:dyDescent="0.3">
      <c r="A35" s="37"/>
      <c r="B35" s="28" t="s">
        <v>195</v>
      </c>
      <c r="C35" s="30" t="s">
        <v>196</v>
      </c>
      <c r="D35" s="17" t="s">
        <v>197</v>
      </c>
      <c r="E35" s="2" t="s">
        <v>198</v>
      </c>
    </row>
    <row r="36" spans="1:5" ht="13.5" x14ac:dyDescent="0.3">
      <c r="A36" s="37" t="s">
        <v>199</v>
      </c>
      <c r="B36" s="37" t="s">
        <v>200</v>
      </c>
      <c r="C36" s="30" t="s">
        <v>180</v>
      </c>
      <c r="D36" s="17" t="s">
        <v>191</v>
      </c>
      <c r="E36" s="38" t="s">
        <v>15</v>
      </c>
    </row>
    <row r="37" spans="1:5" ht="13.5" x14ac:dyDescent="0.3">
      <c r="A37" s="37"/>
      <c r="B37" s="37"/>
      <c r="C37" s="30" t="s">
        <v>201</v>
      </c>
      <c r="D37" s="17" t="s">
        <v>202</v>
      </c>
      <c r="E37" s="38"/>
    </row>
    <row r="38" spans="1:5" ht="13.5" x14ac:dyDescent="0.3">
      <c r="A38" s="37"/>
      <c r="B38" s="37"/>
      <c r="C38" s="30" t="s">
        <v>203</v>
      </c>
      <c r="D38" s="17" t="s">
        <v>204</v>
      </c>
      <c r="E38" s="38"/>
    </row>
    <row r="39" spans="1:5" ht="13.5" x14ac:dyDescent="0.3">
      <c r="A39" s="37"/>
      <c r="B39" s="37"/>
      <c r="C39" s="30" t="s">
        <v>205</v>
      </c>
      <c r="D39" s="17" t="s">
        <v>206</v>
      </c>
      <c r="E39" s="38"/>
    </row>
    <row r="40" spans="1:5" ht="15" customHeight="1" x14ac:dyDescent="0.3">
      <c r="A40" s="37"/>
      <c r="B40" s="37" t="s">
        <v>207</v>
      </c>
      <c r="C40" s="30" t="s">
        <v>180</v>
      </c>
      <c r="D40" s="17" t="s">
        <v>191</v>
      </c>
      <c r="E40" s="39" t="s">
        <v>208</v>
      </c>
    </row>
    <row r="41" spans="1:5" ht="13.5" x14ac:dyDescent="0.3">
      <c r="A41" s="37"/>
      <c r="B41" s="37"/>
      <c r="C41" s="30" t="s">
        <v>209</v>
      </c>
      <c r="D41" s="17" t="s">
        <v>210</v>
      </c>
      <c r="E41" s="39"/>
    </row>
    <row r="42" spans="1:5" ht="27" x14ac:dyDescent="0.3">
      <c r="A42" s="37"/>
      <c r="B42" s="37"/>
      <c r="C42" s="30" t="s">
        <v>211</v>
      </c>
      <c r="D42" s="17" t="s">
        <v>212</v>
      </c>
      <c r="E42" s="39"/>
    </row>
    <row r="43" spans="1:5" ht="13.5" x14ac:dyDescent="0.3">
      <c r="A43" s="37"/>
      <c r="B43" s="37"/>
      <c r="C43" s="30" t="s">
        <v>213</v>
      </c>
      <c r="D43" s="17" t="s">
        <v>214</v>
      </c>
      <c r="E43" s="39"/>
    </row>
    <row r="44" spans="1:5" ht="13.5" x14ac:dyDescent="0.3">
      <c r="A44" s="37"/>
      <c r="B44" s="37"/>
      <c r="C44" s="30" t="s">
        <v>215</v>
      </c>
      <c r="D44" s="17" t="s">
        <v>216</v>
      </c>
      <c r="E44" s="39"/>
    </row>
    <row r="45" spans="1:5" ht="13.5" x14ac:dyDescent="0.3">
      <c r="A45" s="37"/>
      <c r="B45" s="37"/>
      <c r="C45" s="30" t="s">
        <v>217</v>
      </c>
      <c r="D45" s="17" t="s">
        <v>218</v>
      </c>
      <c r="E45" s="39"/>
    </row>
    <row r="46" spans="1:5" ht="27" x14ac:dyDescent="0.3">
      <c r="A46" s="37"/>
      <c r="B46" s="37" t="s">
        <v>219</v>
      </c>
      <c r="C46" s="24" t="s">
        <v>180</v>
      </c>
      <c r="D46" s="25" t="s">
        <v>191</v>
      </c>
      <c r="E46" s="26" t="s">
        <v>220</v>
      </c>
    </row>
    <row r="47" spans="1:5" ht="13.5" x14ac:dyDescent="0.3">
      <c r="A47" s="37"/>
      <c r="B47" s="37"/>
      <c r="C47" s="24" t="s">
        <v>221</v>
      </c>
      <c r="D47" s="25" t="s">
        <v>222</v>
      </c>
      <c r="E47" s="26" t="s">
        <v>49</v>
      </c>
    </row>
    <row r="48" spans="1:5" ht="27" x14ac:dyDescent="0.3">
      <c r="A48" s="37"/>
      <c r="B48" s="37"/>
      <c r="C48" s="24" t="s">
        <v>223</v>
      </c>
      <c r="D48" s="25" t="s">
        <v>224</v>
      </c>
      <c r="E48" s="26" t="s">
        <v>220</v>
      </c>
    </row>
    <row r="49" spans="1:5" ht="75.75" customHeight="1" x14ac:dyDescent="0.3">
      <c r="A49" s="37"/>
      <c r="B49" s="37"/>
      <c r="C49" s="24" t="s">
        <v>225</v>
      </c>
      <c r="D49" s="25" t="s">
        <v>226</v>
      </c>
      <c r="E49" s="26" t="s">
        <v>227</v>
      </c>
    </row>
    <row r="50" spans="1:5" ht="59.25" customHeight="1" x14ac:dyDescent="0.3">
      <c r="A50" s="37"/>
      <c r="B50" s="37"/>
      <c r="C50" s="24" t="s">
        <v>228</v>
      </c>
      <c r="D50" s="25" t="s">
        <v>229</v>
      </c>
      <c r="E50" s="26" t="s">
        <v>230</v>
      </c>
    </row>
    <row r="51" spans="1:5" ht="27" customHeight="1" x14ac:dyDescent="0.3">
      <c r="A51" s="37"/>
      <c r="B51" s="37"/>
      <c r="C51" s="24" t="s">
        <v>231</v>
      </c>
      <c r="D51" s="25" t="s">
        <v>232</v>
      </c>
      <c r="E51" s="41" t="s">
        <v>220</v>
      </c>
    </row>
    <row r="52" spans="1:5" ht="27" customHeight="1" x14ac:dyDescent="0.3">
      <c r="A52" s="37"/>
      <c r="B52" s="37"/>
      <c r="C52" s="24" t="s">
        <v>233</v>
      </c>
      <c r="D52" s="25" t="s">
        <v>234</v>
      </c>
      <c r="E52" s="42"/>
    </row>
    <row r="53" spans="1:5" ht="13.5" x14ac:dyDescent="0.3">
      <c r="A53" s="37"/>
      <c r="B53" s="37"/>
      <c r="C53" s="24" t="s">
        <v>235</v>
      </c>
      <c r="D53" s="25" t="s">
        <v>236</v>
      </c>
      <c r="E53" s="42"/>
    </row>
    <row r="54" spans="1:5" ht="13.5" x14ac:dyDescent="0.3">
      <c r="A54" s="37"/>
      <c r="B54" s="37"/>
      <c r="C54" s="24" t="s">
        <v>237</v>
      </c>
      <c r="D54" s="25" t="s">
        <v>238</v>
      </c>
      <c r="E54" s="43"/>
    </row>
    <row r="55" spans="1:5" ht="40.5" x14ac:dyDescent="0.3">
      <c r="A55" s="37"/>
      <c r="B55" s="37"/>
      <c r="C55" s="30" t="s">
        <v>239</v>
      </c>
      <c r="D55" s="17" t="s">
        <v>240</v>
      </c>
      <c r="E55" s="2" t="s">
        <v>220</v>
      </c>
    </row>
    <row r="56" spans="1:5" ht="13.5" x14ac:dyDescent="0.3">
      <c r="A56" s="37"/>
      <c r="B56" s="37" t="s">
        <v>241</v>
      </c>
      <c r="C56" s="30" t="s">
        <v>180</v>
      </c>
      <c r="D56" s="17" t="s">
        <v>191</v>
      </c>
      <c r="E56" s="40" t="s">
        <v>375</v>
      </c>
    </row>
    <row r="57" spans="1:5" ht="13.5" x14ac:dyDescent="0.3">
      <c r="A57" s="37"/>
      <c r="B57" s="37"/>
      <c r="C57" s="30" t="s">
        <v>242</v>
      </c>
      <c r="D57" s="17" t="s">
        <v>243</v>
      </c>
      <c r="E57" s="38"/>
    </row>
    <row r="58" spans="1:5" ht="13.5" x14ac:dyDescent="0.3">
      <c r="A58" s="37"/>
      <c r="B58" s="37"/>
      <c r="C58" s="30" t="s">
        <v>244</v>
      </c>
      <c r="D58" s="17" t="s">
        <v>245</v>
      </c>
      <c r="E58" s="38"/>
    </row>
    <row r="59" spans="1:5" ht="13.5" x14ac:dyDescent="0.3">
      <c r="A59" s="37"/>
      <c r="B59" s="37"/>
      <c r="C59" s="30" t="s">
        <v>246</v>
      </c>
      <c r="D59" s="17" t="s">
        <v>247</v>
      </c>
      <c r="E59" s="38"/>
    </row>
    <row r="60" spans="1:5" ht="13.5" x14ac:dyDescent="0.3">
      <c r="A60" s="37"/>
      <c r="B60" s="37"/>
      <c r="C60" s="30" t="s">
        <v>248</v>
      </c>
      <c r="D60" s="17" t="s">
        <v>249</v>
      </c>
      <c r="E60" s="38"/>
    </row>
    <row r="61" spans="1:5" ht="13.5" x14ac:dyDescent="0.3">
      <c r="A61" s="37"/>
      <c r="B61" s="37"/>
      <c r="C61" s="30" t="s">
        <v>250</v>
      </c>
      <c r="D61" s="17" t="s">
        <v>251</v>
      </c>
      <c r="E61" s="38"/>
    </row>
    <row r="62" spans="1:5" ht="27" x14ac:dyDescent="0.3">
      <c r="A62" s="37"/>
      <c r="B62" s="37"/>
      <c r="C62" s="30" t="s">
        <v>252</v>
      </c>
      <c r="D62" s="17" t="s">
        <v>253</v>
      </c>
      <c r="E62" s="38"/>
    </row>
    <row r="63" spans="1:5" ht="15" customHeight="1" x14ac:dyDescent="0.3">
      <c r="A63" s="37"/>
      <c r="B63" s="37" t="s">
        <v>254</v>
      </c>
      <c r="C63" s="30" t="s">
        <v>180</v>
      </c>
      <c r="D63" s="17" t="s">
        <v>191</v>
      </c>
      <c r="E63" s="39" t="s">
        <v>255</v>
      </c>
    </row>
    <row r="64" spans="1:5" ht="27" x14ac:dyDescent="0.3">
      <c r="A64" s="37"/>
      <c r="B64" s="37"/>
      <c r="C64" s="30" t="s">
        <v>256</v>
      </c>
      <c r="D64" s="17" t="s">
        <v>257</v>
      </c>
      <c r="E64" s="39"/>
    </row>
    <row r="65" spans="1:5" ht="27" x14ac:dyDescent="0.3">
      <c r="A65" s="37"/>
      <c r="B65" s="37"/>
      <c r="C65" s="30" t="s">
        <v>258</v>
      </c>
      <c r="D65" s="17" t="s">
        <v>259</v>
      </c>
      <c r="E65" s="39"/>
    </row>
    <row r="66" spans="1:5" ht="14.25" customHeight="1" x14ac:dyDescent="0.3">
      <c r="A66" s="37"/>
      <c r="B66" s="37"/>
      <c r="C66" s="30" t="s">
        <v>260</v>
      </c>
      <c r="D66" s="17" t="s">
        <v>261</v>
      </c>
      <c r="E66" s="39"/>
    </row>
    <row r="67" spans="1:5" ht="14.25" customHeight="1" x14ac:dyDescent="0.3">
      <c r="A67" s="37"/>
      <c r="B67" s="37"/>
      <c r="C67" s="30" t="s">
        <v>262</v>
      </c>
      <c r="D67" s="17" t="s">
        <v>263</v>
      </c>
      <c r="E67" s="39"/>
    </row>
    <row r="68" spans="1:5" ht="14.25" customHeight="1" x14ac:dyDescent="0.3">
      <c r="A68" s="37"/>
      <c r="B68" s="37"/>
      <c r="C68" s="30" t="s">
        <v>264</v>
      </c>
      <c r="D68" s="17" t="s">
        <v>265</v>
      </c>
      <c r="E68" s="39"/>
    </row>
    <row r="69" spans="1:5" ht="108" x14ac:dyDescent="0.3">
      <c r="A69" s="37"/>
      <c r="B69" s="37"/>
      <c r="C69" s="30" t="s">
        <v>266</v>
      </c>
      <c r="D69" s="17" t="s">
        <v>267</v>
      </c>
      <c r="E69" s="2" t="s">
        <v>376</v>
      </c>
    </row>
    <row r="70" spans="1:5" ht="27" x14ac:dyDescent="0.3">
      <c r="A70" s="37"/>
      <c r="B70" s="28" t="s">
        <v>268</v>
      </c>
      <c r="C70" s="30" t="s">
        <v>180</v>
      </c>
      <c r="D70" s="17" t="s">
        <v>191</v>
      </c>
      <c r="E70" s="23" t="s">
        <v>269</v>
      </c>
    </row>
    <row r="71" spans="1:5" ht="33.75" customHeight="1" x14ac:dyDescent="0.3">
      <c r="A71" s="37" t="s">
        <v>270</v>
      </c>
      <c r="B71" s="37" t="s">
        <v>271</v>
      </c>
      <c r="C71" s="30" t="s">
        <v>180</v>
      </c>
      <c r="D71" s="17" t="s">
        <v>191</v>
      </c>
      <c r="E71" s="23" t="s">
        <v>272</v>
      </c>
    </row>
    <row r="72" spans="1:5" ht="27" x14ac:dyDescent="0.3">
      <c r="A72" s="37"/>
      <c r="B72" s="37"/>
      <c r="C72" s="30" t="s">
        <v>273</v>
      </c>
      <c r="D72" s="17" t="s">
        <v>274</v>
      </c>
      <c r="E72" s="23" t="s">
        <v>100</v>
      </c>
    </row>
    <row r="73" spans="1:5" ht="30" customHeight="1" x14ac:dyDescent="0.3">
      <c r="A73" s="37"/>
      <c r="B73" s="37" t="s">
        <v>275</v>
      </c>
      <c r="C73" s="30" t="s">
        <v>180</v>
      </c>
      <c r="D73" s="17" t="s">
        <v>191</v>
      </c>
      <c r="E73" s="23" t="s">
        <v>272</v>
      </c>
    </row>
    <row r="74" spans="1:5" ht="27" x14ac:dyDescent="0.3">
      <c r="A74" s="37"/>
      <c r="B74" s="37"/>
      <c r="C74" s="30" t="s">
        <v>276</v>
      </c>
      <c r="D74" s="17" t="s">
        <v>277</v>
      </c>
      <c r="E74" s="23" t="s">
        <v>100</v>
      </c>
    </row>
    <row r="75" spans="1:5" ht="15" customHeight="1" x14ac:dyDescent="0.3">
      <c r="A75" s="37"/>
      <c r="B75" s="37" t="s">
        <v>278</v>
      </c>
      <c r="C75" s="30" t="s">
        <v>180</v>
      </c>
      <c r="D75" s="17" t="s">
        <v>191</v>
      </c>
      <c r="E75" s="39" t="s">
        <v>279</v>
      </c>
    </row>
    <row r="76" spans="1:5" ht="27" x14ac:dyDescent="0.3">
      <c r="A76" s="37"/>
      <c r="B76" s="37"/>
      <c r="C76" s="30" t="s">
        <v>280</v>
      </c>
      <c r="D76" s="17" t="s">
        <v>281</v>
      </c>
      <c r="E76" s="39"/>
    </row>
    <row r="77" spans="1:5" ht="27" x14ac:dyDescent="0.3">
      <c r="A77" s="37"/>
      <c r="B77" s="37"/>
      <c r="C77" s="30" t="s">
        <v>282</v>
      </c>
      <c r="D77" s="17" t="s">
        <v>283</v>
      </c>
      <c r="E77" s="39"/>
    </row>
    <row r="78" spans="1:5" ht="13.5" x14ac:dyDescent="0.3">
      <c r="A78" s="37"/>
      <c r="B78" s="37"/>
      <c r="C78" s="30" t="s">
        <v>284</v>
      </c>
      <c r="D78" s="17" t="s">
        <v>285</v>
      </c>
      <c r="E78" s="39"/>
    </row>
    <row r="79" spans="1:5" ht="27" x14ac:dyDescent="0.3">
      <c r="A79" s="37"/>
      <c r="B79" s="37"/>
      <c r="C79" s="30" t="s">
        <v>286</v>
      </c>
      <c r="D79" s="17" t="s">
        <v>287</v>
      </c>
      <c r="E79" s="39"/>
    </row>
    <row r="80" spans="1:5" ht="13.5" x14ac:dyDescent="0.3">
      <c r="A80" s="37"/>
      <c r="B80" s="37"/>
      <c r="C80" s="30" t="s">
        <v>288</v>
      </c>
      <c r="D80" s="17" t="s">
        <v>289</v>
      </c>
      <c r="E80" s="39"/>
    </row>
    <row r="81" spans="1:5" ht="40.5" x14ac:dyDescent="0.3">
      <c r="A81" s="37"/>
      <c r="B81" s="37"/>
      <c r="C81" s="30" t="s">
        <v>290</v>
      </c>
      <c r="D81" s="17" t="s">
        <v>291</v>
      </c>
      <c r="E81" s="39"/>
    </row>
    <row r="82" spans="1:5" ht="27" x14ac:dyDescent="0.3">
      <c r="A82" s="37"/>
      <c r="B82" s="37"/>
      <c r="C82" s="30" t="s">
        <v>292</v>
      </c>
      <c r="D82" s="17" t="s">
        <v>293</v>
      </c>
      <c r="E82" s="39"/>
    </row>
    <row r="83" spans="1:5" ht="13.5" x14ac:dyDescent="0.3">
      <c r="A83" s="37"/>
      <c r="B83" s="37"/>
      <c r="C83" s="30" t="s">
        <v>294</v>
      </c>
      <c r="D83" s="17" t="s">
        <v>295</v>
      </c>
      <c r="E83" s="39"/>
    </row>
    <row r="84" spans="1:5" ht="13.5" x14ac:dyDescent="0.3">
      <c r="A84" s="37"/>
      <c r="B84" s="37" t="s">
        <v>296</v>
      </c>
      <c r="C84" s="30" t="s">
        <v>180</v>
      </c>
      <c r="D84" s="17" t="s">
        <v>191</v>
      </c>
      <c r="E84" s="38" t="s">
        <v>272</v>
      </c>
    </row>
    <row r="85" spans="1:5" ht="27" x14ac:dyDescent="0.3">
      <c r="A85" s="37"/>
      <c r="B85" s="37"/>
      <c r="C85" s="30" t="s">
        <v>297</v>
      </c>
      <c r="D85" s="17" t="s">
        <v>298</v>
      </c>
      <c r="E85" s="38"/>
    </row>
    <row r="86" spans="1:5" ht="27" x14ac:dyDescent="0.3">
      <c r="A86" s="37"/>
      <c r="B86" s="37"/>
      <c r="C86" s="30" t="s">
        <v>299</v>
      </c>
      <c r="D86" s="17" t="s">
        <v>300</v>
      </c>
      <c r="E86" s="23" t="s">
        <v>100</v>
      </c>
    </row>
    <row r="87" spans="1:5" ht="27" x14ac:dyDescent="0.3">
      <c r="A87" s="37"/>
      <c r="B87" s="28" t="s">
        <v>301</v>
      </c>
      <c r="C87" s="30" t="s">
        <v>180</v>
      </c>
      <c r="D87" s="17" t="s">
        <v>191</v>
      </c>
      <c r="E87" s="23" t="s">
        <v>302</v>
      </c>
    </row>
    <row r="88" spans="1:5" ht="40.5" x14ac:dyDescent="0.3">
      <c r="A88" s="37"/>
      <c r="B88" s="28" t="s">
        <v>303</v>
      </c>
      <c r="C88" s="30" t="s">
        <v>180</v>
      </c>
      <c r="D88" s="17" t="s">
        <v>191</v>
      </c>
      <c r="E88" s="32" t="s">
        <v>377</v>
      </c>
    </row>
    <row r="89" spans="1:5" ht="76.5" customHeight="1" x14ac:dyDescent="0.3">
      <c r="A89" s="37"/>
      <c r="B89" s="37" t="s">
        <v>304</v>
      </c>
      <c r="C89" s="30" t="s">
        <v>180</v>
      </c>
      <c r="D89" s="17" t="s">
        <v>191</v>
      </c>
      <c r="E89" s="40" t="s">
        <v>378</v>
      </c>
    </row>
    <row r="90" spans="1:5" ht="27" x14ac:dyDescent="0.3">
      <c r="A90" s="37"/>
      <c r="B90" s="37"/>
      <c r="C90" s="30" t="s">
        <v>305</v>
      </c>
      <c r="D90" s="17" t="s">
        <v>306</v>
      </c>
      <c r="E90" s="38"/>
    </row>
    <row r="91" spans="1:5" ht="13.5" x14ac:dyDescent="0.3">
      <c r="A91" s="37"/>
      <c r="B91" s="37" t="s">
        <v>307</v>
      </c>
      <c r="C91" s="30" t="s">
        <v>180</v>
      </c>
      <c r="D91" s="17" t="s">
        <v>191</v>
      </c>
      <c r="E91" s="38"/>
    </row>
    <row r="92" spans="1:5" ht="27" x14ac:dyDescent="0.3">
      <c r="A92" s="37"/>
      <c r="B92" s="37"/>
      <c r="C92" s="30" t="s">
        <v>308</v>
      </c>
      <c r="D92" s="17" t="s">
        <v>309</v>
      </c>
      <c r="E92" s="38"/>
    </row>
    <row r="93" spans="1:5" ht="51" customHeight="1" x14ac:dyDescent="0.3">
      <c r="A93" s="37"/>
      <c r="B93" s="37" t="s">
        <v>310</v>
      </c>
      <c r="C93" s="30" t="s">
        <v>180</v>
      </c>
      <c r="D93" s="17" t="s">
        <v>191</v>
      </c>
      <c r="E93" s="38" t="s">
        <v>311</v>
      </c>
    </row>
    <row r="94" spans="1:5" ht="27" x14ac:dyDescent="0.3">
      <c r="A94" s="37"/>
      <c r="B94" s="37"/>
      <c r="C94" s="30" t="s">
        <v>312</v>
      </c>
      <c r="D94" s="17" t="s">
        <v>313</v>
      </c>
      <c r="E94" s="38"/>
    </row>
    <row r="95" spans="1:5" ht="40.5" x14ac:dyDescent="0.3">
      <c r="A95" s="37"/>
      <c r="B95" s="37" t="s">
        <v>314</v>
      </c>
      <c r="C95" s="30" t="s">
        <v>180</v>
      </c>
      <c r="D95" s="17" t="s">
        <v>191</v>
      </c>
      <c r="E95" s="23" t="s">
        <v>315</v>
      </c>
    </row>
    <row r="96" spans="1:5" ht="42" customHeight="1" x14ac:dyDescent="0.3">
      <c r="A96" s="37"/>
      <c r="B96" s="37"/>
      <c r="C96" s="30" t="s">
        <v>316</v>
      </c>
      <c r="D96" s="17" t="s">
        <v>317</v>
      </c>
      <c r="E96" s="23" t="s">
        <v>318</v>
      </c>
    </row>
    <row r="97" spans="1:5" ht="13.5" x14ac:dyDescent="0.3">
      <c r="A97" s="37"/>
      <c r="B97" s="37" t="s">
        <v>319</v>
      </c>
      <c r="C97" s="30" t="s">
        <v>180</v>
      </c>
      <c r="D97" s="17" t="s">
        <v>191</v>
      </c>
      <c r="E97" s="38" t="s">
        <v>320</v>
      </c>
    </row>
    <row r="98" spans="1:5" ht="40.5" x14ac:dyDescent="0.3">
      <c r="A98" s="37"/>
      <c r="B98" s="37"/>
      <c r="C98" s="30" t="s">
        <v>321</v>
      </c>
      <c r="D98" s="17" t="s">
        <v>322</v>
      </c>
      <c r="E98" s="38"/>
    </row>
    <row r="99" spans="1:5" ht="27" x14ac:dyDescent="0.3">
      <c r="A99" s="37"/>
      <c r="B99" s="28" t="s">
        <v>323</v>
      </c>
      <c r="C99" s="30" t="s">
        <v>180</v>
      </c>
      <c r="D99" s="17" t="s">
        <v>191</v>
      </c>
      <c r="E99" s="23" t="s">
        <v>269</v>
      </c>
    </row>
    <row r="100" spans="1:5" ht="27" x14ac:dyDescent="0.3">
      <c r="A100" s="37"/>
      <c r="B100" s="37" t="s">
        <v>324</v>
      </c>
      <c r="C100" s="30" t="s">
        <v>180</v>
      </c>
      <c r="D100" s="17" t="s">
        <v>191</v>
      </c>
      <c r="E100" s="23" t="s">
        <v>325</v>
      </c>
    </row>
    <row r="101" spans="1:5" ht="27" x14ac:dyDescent="0.3">
      <c r="A101" s="37"/>
      <c r="B101" s="37"/>
      <c r="C101" s="30" t="s">
        <v>326</v>
      </c>
      <c r="D101" s="17" t="s">
        <v>327</v>
      </c>
      <c r="E101" s="23" t="s">
        <v>328</v>
      </c>
    </row>
    <row r="102" spans="1:5" ht="27" x14ac:dyDescent="0.3">
      <c r="A102" s="37" t="s">
        <v>329</v>
      </c>
      <c r="B102" s="37" t="s">
        <v>330</v>
      </c>
      <c r="C102" s="30" t="s">
        <v>331</v>
      </c>
      <c r="D102" s="17" t="s">
        <v>332</v>
      </c>
      <c r="E102" s="23" t="s">
        <v>220</v>
      </c>
    </row>
    <row r="103" spans="1:5" ht="40.5" x14ac:dyDescent="0.3">
      <c r="A103" s="37"/>
      <c r="B103" s="37"/>
      <c r="C103" s="30" t="s">
        <v>333</v>
      </c>
      <c r="D103" s="17" t="s">
        <v>334</v>
      </c>
      <c r="E103" s="23" t="s">
        <v>279</v>
      </c>
    </row>
    <row r="104" spans="1:5" x14ac:dyDescent="0.3">
      <c r="A104" s="14"/>
    </row>
    <row r="105" spans="1:5" x14ac:dyDescent="0.3">
      <c r="A105" s="14"/>
    </row>
    <row r="106" spans="1:5" x14ac:dyDescent="0.3">
      <c r="A106" s="14"/>
    </row>
    <row r="107" spans="1:5" x14ac:dyDescent="0.3">
      <c r="A107" s="14"/>
    </row>
    <row r="108" spans="1:5" x14ac:dyDescent="0.3">
      <c r="A108" s="14"/>
    </row>
    <row r="109" spans="1:5" x14ac:dyDescent="0.3">
      <c r="A109" s="14"/>
    </row>
    <row r="110" spans="1:5" x14ac:dyDescent="0.3">
      <c r="A110" s="14"/>
    </row>
    <row r="111" spans="1:5" x14ac:dyDescent="0.3">
      <c r="A111" s="14"/>
    </row>
    <row r="112" spans="1:5" x14ac:dyDescent="0.3">
      <c r="A112" s="14"/>
    </row>
    <row r="113" spans="1:1" x14ac:dyDescent="0.3">
      <c r="A113" s="14"/>
    </row>
    <row r="114" spans="1:1" x14ac:dyDescent="0.3">
      <c r="A114" s="14"/>
    </row>
    <row r="115" spans="1:1" x14ac:dyDescent="0.3">
      <c r="A115" s="14"/>
    </row>
    <row r="116" spans="1:1" x14ac:dyDescent="0.3">
      <c r="A116" s="14"/>
    </row>
    <row r="117" spans="1:1" x14ac:dyDescent="0.3">
      <c r="A117" s="14"/>
    </row>
    <row r="118" spans="1:1" x14ac:dyDescent="0.3">
      <c r="A118" s="14"/>
    </row>
    <row r="119" spans="1:1" x14ac:dyDescent="0.3">
      <c r="A119" s="14"/>
    </row>
    <row r="120" spans="1:1" x14ac:dyDescent="0.3">
      <c r="A120" s="14"/>
    </row>
    <row r="121" spans="1:1" x14ac:dyDescent="0.3">
      <c r="A121" s="14"/>
    </row>
    <row r="122" spans="1:1" x14ac:dyDescent="0.3">
      <c r="A122" s="14"/>
    </row>
    <row r="123" spans="1:1" x14ac:dyDescent="0.3">
      <c r="A123" s="14"/>
    </row>
    <row r="124" spans="1:1" x14ac:dyDescent="0.3">
      <c r="A124" s="14"/>
    </row>
    <row r="125" spans="1:1" x14ac:dyDescent="0.3">
      <c r="A125" s="14"/>
    </row>
    <row r="126" spans="1:1" x14ac:dyDescent="0.3">
      <c r="A126" s="14"/>
    </row>
    <row r="127" spans="1:1" x14ac:dyDescent="0.3">
      <c r="A127" s="14"/>
    </row>
    <row r="128" spans="1:1" x14ac:dyDescent="0.3">
      <c r="A128" s="14"/>
    </row>
    <row r="129" spans="1:1" x14ac:dyDescent="0.3">
      <c r="A129" s="14"/>
    </row>
    <row r="130" spans="1:1" x14ac:dyDescent="0.3">
      <c r="A130" s="14"/>
    </row>
    <row r="131" spans="1:1" x14ac:dyDescent="0.3">
      <c r="A131" s="14"/>
    </row>
    <row r="132" spans="1:1" x14ac:dyDescent="0.3">
      <c r="A132" s="14"/>
    </row>
    <row r="133" spans="1:1" x14ac:dyDescent="0.3">
      <c r="A133" s="14"/>
    </row>
    <row r="134" spans="1:1" x14ac:dyDescent="0.3">
      <c r="A134" s="14"/>
    </row>
    <row r="135" spans="1:1" x14ac:dyDescent="0.3">
      <c r="A135" s="14"/>
    </row>
    <row r="136" spans="1:1" x14ac:dyDescent="0.3">
      <c r="A136" s="14"/>
    </row>
    <row r="137" spans="1:1" x14ac:dyDescent="0.3">
      <c r="A137" s="14"/>
    </row>
    <row r="138" spans="1:1" x14ac:dyDescent="0.3">
      <c r="A138" s="14"/>
    </row>
    <row r="139" spans="1:1" x14ac:dyDescent="0.3">
      <c r="A139" s="14"/>
    </row>
    <row r="140" spans="1:1" x14ac:dyDescent="0.3">
      <c r="A140" s="14"/>
    </row>
    <row r="141" spans="1:1" x14ac:dyDescent="0.3">
      <c r="A141" s="14"/>
    </row>
    <row r="142" spans="1:1" x14ac:dyDescent="0.3">
      <c r="A142" s="14"/>
    </row>
    <row r="143" spans="1:1" x14ac:dyDescent="0.3">
      <c r="A143" s="14"/>
    </row>
    <row r="144" spans="1:1" x14ac:dyDescent="0.3">
      <c r="A144" s="14"/>
    </row>
    <row r="145" spans="1:1" x14ac:dyDescent="0.3">
      <c r="A145" s="14"/>
    </row>
    <row r="146" spans="1:1" x14ac:dyDescent="0.3">
      <c r="A146" s="14"/>
    </row>
    <row r="147" spans="1:1" x14ac:dyDescent="0.3">
      <c r="A147" s="14"/>
    </row>
    <row r="148" spans="1:1" x14ac:dyDescent="0.3">
      <c r="A148" s="14"/>
    </row>
    <row r="149" spans="1:1" x14ac:dyDescent="0.3">
      <c r="A149" s="14"/>
    </row>
    <row r="150" spans="1:1" x14ac:dyDescent="0.3">
      <c r="A150" s="14"/>
    </row>
    <row r="151" spans="1:1" x14ac:dyDescent="0.3">
      <c r="A151" s="14"/>
    </row>
    <row r="152" spans="1:1" x14ac:dyDescent="0.3">
      <c r="A152" s="14"/>
    </row>
    <row r="153" spans="1:1" x14ac:dyDescent="0.3">
      <c r="A153" s="14"/>
    </row>
    <row r="154" spans="1:1" x14ac:dyDescent="0.3">
      <c r="A154" s="14"/>
    </row>
    <row r="155" spans="1:1" x14ac:dyDescent="0.3">
      <c r="A155" s="14"/>
    </row>
    <row r="156" spans="1:1" x14ac:dyDescent="0.3">
      <c r="A156" s="14"/>
    </row>
    <row r="157" spans="1:1" x14ac:dyDescent="0.3">
      <c r="A157" s="14"/>
    </row>
    <row r="158" spans="1:1" x14ac:dyDescent="0.3">
      <c r="A158" s="14"/>
    </row>
    <row r="159" spans="1:1" x14ac:dyDescent="0.3">
      <c r="A159" s="14"/>
    </row>
    <row r="160" spans="1:1" x14ac:dyDescent="0.3">
      <c r="A160" s="14"/>
    </row>
    <row r="161" spans="1:1" x14ac:dyDescent="0.3">
      <c r="A161" s="14"/>
    </row>
    <row r="162" spans="1:1" x14ac:dyDescent="0.3">
      <c r="A162" s="14"/>
    </row>
    <row r="163" spans="1:1" x14ac:dyDescent="0.3">
      <c r="A163" s="14"/>
    </row>
    <row r="164" spans="1:1" x14ac:dyDescent="0.3">
      <c r="A164" s="14"/>
    </row>
    <row r="165" spans="1:1" x14ac:dyDescent="0.3">
      <c r="A165" s="14"/>
    </row>
    <row r="166" spans="1:1" x14ac:dyDescent="0.3">
      <c r="A166" s="14"/>
    </row>
    <row r="167" spans="1:1" x14ac:dyDescent="0.3">
      <c r="A167" s="14"/>
    </row>
    <row r="168" spans="1:1" x14ac:dyDescent="0.3">
      <c r="A168" s="14"/>
    </row>
    <row r="169" spans="1:1" x14ac:dyDescent="0.3">
      <c r="A169" s="14"/>
    </row>
    <row r="170" spans="1:1" x14ac:dyDescent="0.3">
      <c r="A170" s="14"/>
    </row>
    <row r="171" spans="1:1" x14ac:dyDescent="0.3">
      <c r="A171" s="14"/>
    </row>
    <row r="172" spans="1:1" x14ac:dyDescent="0.3">
      <c r="A172" s="14"/>
    </row>
    <row r="173" spans="1:1" x14ac:dyDescent="0.3">
      <c r="A173" s="14"/>
    </row>
    <row r="174" spans="1:1" x14ac:dyDescent="0.3">
      <c r="A174" s="14"/>
    </row>
    <row r="175" spans="1:1" x14ac:dyDescent="0.3">
      <c r="A175" s="14"/>
    </row>
    <row r="176" spans="1:1" x14ac:dyDescent="0.3">
      <c r="A176" s="14"/>
    </row>
    <row r="177" spans="1:1" x14ac:dyDescent="0.3">
      <c r="A177" s="14"/>
    </row>
    <row r="178" spans="1:1" x14ac:dyDescent="0.3">
      <c r="A178" s="14"/>
    </row>
    <row r="179" spans="1:1" x14ac:dyDescent="0.3">
      <c r="A179" s="14"/>
    </row>
    <row r="180" spans="1:1" x14ac:dyDescent="0.3">
      <c r="A180" s="14"/>
    </row>
    <row r="181" spans="1:1" x14ac:dyDescent="0.3">
      <c r="A181" s="14"/>
    </row>
    <row r="182" spans="1:1" x14ac:dyDescent="0.3">
      <c r="A182" s="14"/>
    </row>
    <row r="183" spans="1:1" x14ac:dyDescent="0.3">
      <c r="A183" s="14"/>
    </row>
    <row r="184" spans="1:1" x14ac:dyDescent="0.3">
      <c r="A184" s="14"/>
    </row>
    <row r="185" spans="1:1" x14ac:dyDescent="0.3">
      <c r="A185" s="14"/>
    </row>
    <row r="186" spans="1:1" x14ac:dyDescent="0.3">
      <c r="A186" s="14"/>
    </row>
    <row r="187" spans="1:1" x14ac:dyDescent="0.3">
      <c r="A187" s="14"/>
    </row>
    <row r="188" spans="1:1" x14ac:dyDescent="0.3">
      <c r="A188" s="14"/>
    </row>
    <row r="189" spans="1:1" x14ac:dyDescent="0.3">
      <c r="A189" s="14"/>
    </row>
    <row r="190" spans="1:1" x14ac:dyDescent="0.3">
      <c r="A190" s="14"/>
    </row>
    <row r="191" spans="1:1" x14ac:dyDescent="0.3">
      <c r="A191" s="14"/>
    </row>
    <row r="192" spans="1:1" x14ac:dyDescent="0.3">
      <c r="A192" s="14"/>
    </row>
  </sheetData>
  <sheetProtection algorithmName="SHA-512" hashValue="gdREfEWG1rw52M1uIv7nY+c8lDjFIect0cm33XmuWScPNiijH0G8YiDH7asqZuQDUU1AjyQbCz4szdPjBJw1og==" saltValue="NjGNf/M3kD1OTlK6S6lrRA==" spinCount="100000" sheet="1" objects="1" scenarios="1"/>
  <mergeCells count="39">
    <mergeCell ref="E97:E98"/>
    <mergeCell ref="E63:E68"/>
    <mergeCell ref="E75:E83"/>
    <mergeCell ref="E84:E85"/>
    <mergeCell ref="E89:E92"/>
    <mergeCell ref="E93:E94"/>
    <mergeCell ref="E40:E45"/>
    <mergeCell ref="E56:E62"/>
    <mergeCell ref="B56:B62"/>
    <mergeCell ref="B63:B69"/>
    <mergeCell ref="B89:B90"/>
    <mergeCell ref="E51:E54"/>
    <mergeCell ref="A28:A30"/>
    <mergeCell ref="B28:B30"/>
    <mergeCell ref="A31:A35"/>
    <mergeCell ref="B31:B32"/>
    <mergeCell ref="E36:E39"/>
    <mergeCell ref="A4:A27"/>
    <mergeCell ref="B4:B7"/>
    <mergeCell ref="B8:B9"/>
    <mergeCell ref="B10:B21"/>
    <mergeCell ref="B22:B25"/>
    <mergeCell ref="B26:B27"/>
    <mergeCell ref="B102:B103"/>
    <mergeCell ref="A102:A103"/>
    <mergeCell ref="B100:B101"/>
    <mergeCell ref="A71:A101"/>
    <mergeCell ref="A36:A70"/>
    <mergeCell ref="B36:B39"/>
    <mergeCell ref="B40:B45"/>
    <mergeCell ref="B46:B55"/>
    <mergeCell ref="B71:B72"/>
    <mergeCell ref="B73:B74"/>
    <mergeCell ref="B75:B83"/>
    <mergeCell ref="B84:B86"/>
    <mergeCell ref="B91:B92"/>
    <mergeCell ref="B93:B94"/>
    <mergeCell ref="B95:B96"/>
    <mergeCell ref="B97:B98"/>
  </mergeCells>
  <phoneticPr fontId="22" type="noConversion"/>
  <pageMargins left="0.7" right="0.7" top="0.75" bottom="0.75" header="0.3" footer="0.3"/>
  <ignoredErrors>
    <ignoredError sqref="C26:C27" twoDigitTextYear="1"/>
  </ignoredErrors>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A4267E1-41E0-4C43-93BF-BAADB0AF5328}">
  <sheetPr>
    <tabColor theme="1"/>
  </sheetPr>
  <dimension ref="A1:E13"/>
  <sheetViews>
    <sheetView showGridLines="0" zoomScale="80" zoomScaleNormal="80" workbookViewId="0"/>
  </sheetViews>
  <sheetFormatPr defaultColWidth="9.234375" defaultRowHeight="12.4" x14ac:dyDescent="0.3"/>
  <cols>
    <col min="1" max="1" width="16.8203125" style="5" customWidth="1"/>
    <col min="2" max="2" width="55.234375" style="14" customWidth="1"/>
    <col min="3" max="3" width="54.234375" style="5" customWidth="1"/>
    <col min="4" max="16384" width="9.234375" style="5"/>
  </cols>
  <sheetData>
    <row r="1" spans="1:5" ht="17.649999999999999" x14ac:dyDescent="0.3">
      <c r="A1" s="3" t="s">
        <v>335</v>
      </c>
      <c r="B1" s="10"/>
      <c r="C1" s="4"/>
      <c r="D1" s="10"/>
      <c r="E1" s="10"/>
    </row>
    <row r="2" spans="1:5" ht="32.25" customHeight="1" x14ac:dyDescent="0.3">
      <c r="A2" s="19" t="s">
        <v>3</v>
      </c>
      <c r="B2" s="6" t="s">
        <v>336</v>
      </c>
      <c r="C2" s="6" t="s">
        <v>7</v>
      </c>
      <c r="D2" s="10"/>
      <c r="E2" s="10"/>
    </row>
    <row r="3" spans="1:5" ht="54" x14ac:dyDescent="0.3">
      <c r="A3" s="34" t="s">
        <v>125</v>
      </c>
      <c r="B3" s="31" t="s">
        <v>337</v>
      </c>
      <c r="C3" s="44" t="s">
        <v>384</v>
      </c>
      <c r="D3" s="10"/>
      <c r="E3" s="18"/>
    </row>
    <row r="4" spans="1:5" ht="27" x14ac:dyDescent="0.3">
      <c r="A4" s="34"/>
      <c r="B4" s="31" t="s">
        <v>338</v>
      </c>
      <c r="C4" s="44" t="s">
        <v>383</v>
      </c>
      <c r="D4" s="7"/>
      <c r="E4" s="10"/>
    </row>
    <row r="5" spans="1:5" ht="81" x14ac:dyDescent="0.3">
      <c r="A5" s="35" t="s">
        <v>339</v>
      </c>
      <c r="B5" s="23" t="s">
        <v>340</v>
      </c>
      <c r="C5" s="44" t="s">
        <v>382</v>
      </c>
    </row>
    <row r="6" spans="1:5" ht="81" x14ac:dyDescent="0.3">
      <c r="A6" s="35"/>
      <c r="B6" s="23" t="s">
        <v>341</v>
      </c>
      <c r="C6" s="44" t="s">
        <v>382</v>
      </c>
    </row>
    <row r="7" spans="1:5" ht="54" x14ac:dyDescent="0.3">
      <c r="A7" s="35"/>
      <c r="B7" s="23" t="s">
        <v>342</v>
      </c>
      <c r="C7" s="23" t="s">
        <v>343</v>
      </c>
    </row>
    <row r="8" spans="1:5" ht="54" x14ac:dyDescent="0.3">
      <c r="A8" s="35" t="s">
        <v>344</v>
      </c>
      <c r="B8" s="23" t="s">
        <v>345</v>
      </c>
      <c r="C8" s="44" t="s">
        <v>384</v>
      </c>
    </row>
    <row r="9" spans="1:5" ht="67.5" x14ac:dyDescent="0.3">
      <c r="A9" s="35"/>
      <c r="B9" s="23" t="s">
        <v>346</v>
      </c>
      <c r="C9" s="44" t="s">
        <v>385</v>
      </c>
    </row>
    <row r="10" spans="1:5" ht="54" x14ac:dyDescent="0.3">
      <c r="A10" s="35"/>
      <c r="B10" s="23" t="s">
        <v>347</v>
      </c>
      <c r="C10" s="44" t="s">
        <v>384</v>
      </c>
    </row>
    <row r="11" spans="1:5" ht="40.5" x14ac:dyDescent="0.3">
      <c r="A11" s="35" t="s">
        <v>348</v>
      </c>
      <c r="B11" s="23" t="s">
        <v>349</v>
      </c>
      <c r="C11" s="44" t="s">
        <v>383</v>
      </c>
    </row>
    <row r="12" spans="1:5" ht="27" x14ac:dyDescent="0.3">
      <c r="A12" s="35"/>
      <c r="B12" s="45" t="s">
        <v>350</v>
      </c>
      <c r="C12" s="26" t="s">
        <v>379</v>
      </c>
    </row>
    <row r="13" spans="1:5" ht="54" x14ac:dyDescent="0.3">
      <c r="A13" s="35"/>
      <c r="B13" s="23" t="s">
        <v>351</v>
      </c>
      <c r="C13" s="23" t="s">
        <v>352</v>
      </c>
    </row>
  </sheetData>
  <sheetProtection algorithmName="SHA-512" hashValue="kAuFQxr50dE126YTupQ541Mz7wTk7QrEa2EfDyI/kuQMxiOJVEKGc0S4Veu+FwvGyUvzFKJBI+pWCTirx7lLQw==" saltValue="MX5R3IxrPjxWy2CumZwVvA==" spinCount="100000" sheet="1" objects="1" scenarios="1"/>
  <mergeCells count="4">
    <mergeCell ref="A3:A4"/>
    <mergeCell ref="A5:A7"/>
    <mergeCell ref="A8:A10"/>
    <mergeCell ref="A11:A13"/>
  </mergeCell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TemplateConfiguration><![CDATA[{"transformationConfigurations":[],"templateName":"ERM_Blank_template","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027E05BD24D05845B26F09A82F57A026" ma:contentTypeVersion="3" ma:contentTypeDescription="Create a new document." ma:contentTypeScope="" ma:versionID="b64c2efda145612456fdd74343433572">
  <xsd:schema xmlns:xsd="http://www.w3.org/2001/XMLSchema" xmlns:xs="http://www.w3.org/2001/XMLSchema" xmlns:p="http://schemas.microsoft.com/office/2006/metadata/properties" xmlns:ns2="a284386d-5632-41bb-9269-e82aea541801" targetNamespace="http://schemas.microsoft.com/office/2006/metadata/properties" ma:root="true" ma:fieldsID="6e350966ac1d7f06a6f21ac190df3632" ns2:_="">
    <xsd:import namespace="a284386d-5632-41bb-9269-e82aea541801"/>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84386d-5632-41bb-9269-e82aea54180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6141611-F455-43D2-9AC5-4C2C2BDED491}">
  <ds:schemaRefs>
    <ds:schemaRef ds:uri="http://schemas.microsoft.com/office/2006/documentManagement/types"/>
    <ds:schemaRef ds:uri="http://schemas.microsoft.com/office/2006/metadata/properties"/>
    <ds:schemaRef ds:uri="http://schemas.openxmlformats.org/package/2006/metadata/core-properties"/>
    <ds:schemaRef ds:uri="http://purl.org/dc/terms/"/>
    <ds:schemaRef ds:uri="http://purl.org/dc/dcmitype/"/>
    <ds:schemaRef ds:uri="http://purl.org/dc/elements/1.1/"/>
    <ds:schemaRef ds:uri="http://schemas.microsoft.com/office/infopath/2007/PartnerControls"/>
    <ds:schemaRef ds:uri="a284386d-5632-41bb-9269-e82aea541801"/>
    <ds:schemaRef ds:uri="http://www.w3.org/XML/1998/namespace"/>
  </ds:schemaRefs>
</ds:datastoreItem>
</file>

<file path=customXml/itemProps2.xml><?xml version="1.0" encoding="utf-8"?>
<ds:datastoreItem xmlns:ds="http://schemas.openxmlformats.org/officeDocument/2006/customXml" ds:itemID="{3C4A0877-99A5-481F-91A0-664D5863CC14}">
  <ds:schemaRefs/>
</ds:datastoreItem>
</file>

<file path=customXml/itemProps3.xml><?xml version="1.0" encoding="utf-8"?>
<ds:datastoreItem xmlns:ds="http://schemas.openxmlformats.org/officeDocument/2006/customXml" ds:itemID="{A4A01895-D86A-49B0-BDF4-09CC7435D04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84386d-5632-41bb-9269-e82aea54180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8EC40AC-B302-4A69-BF1C-9561DB48FA4D}">
  <ds:schemaRefs/>
</ds:datastoreItem>
</file>

<file path=customXml/itemProps5.xml><?xml version="1.0" encoding="utf-8"?>
<ds:datastoreItem xmlns:ds="http://schemas.openxmlformats.org/officeDocument/2006/customXml" ds:itemID="{6FFF64D8-AE69-45BD-BBCD-BA8463239862}">
  <ds:schemaRefs>
    <ds:schemaRef ds:uri="http://schemas.microsoft.com/sharepoint/v3/contenttype/forms"/>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4</vt:i4>
      </vt:variant>
    </vt:vector>
  </HeadingPairs>
  <TitlesOfParts>
    <vt:vector size="4" baseType="lpstr">
      <vt:lpstr>Cover Page</vt:lpstr>
      <vt:lpstr>SASB</vt:lpstr>
      <vt:lpstr>GRI</vt:lpstr>
      <vt:lpstr>TCFD</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RM</dc:creator>
  <cp:keywords/>
  <dc:description/>
  <cp:lastModifiedBy>Jillian Lennartz</cp:lastModifiedBy>
  <cp:revision/>
  <dcterms:created xsi:type="dcterms:W3CDTF">2025-11-17T22:07:10Z</dcterms:created>
  <dcterms:modified xsi:type="dcterms:W3CDTF">2026-04-23T19:13:4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27E05BD24D05845B26F09A82F57A026</vt:lpwstr>
  </property>
  <property fmtid="{D5CDD505-2E9C-101B-9397-08002B2CF9AE}" pid="3" name="MediaServiceImageTags">
    <vt:lpwstr/>
  </property>
  <property fmtid="{D5CDD505-2E9C-101B-9397-08002B2CF9AE}" pid="4" name="TemplafyTenantId">
    <vt:lpwstr>erm</vt:lpwstr>
  </property>
  <property fmtid="{D5CDD505-2E9C-101B-9397-08002B2CF9AE}" pid="5" name="TemplafyTemplateId">
    <vt:lpwstr>985871303673119436</vt:lpwstr>
  </property>
  <property fmtid="{D5CDD505-2E9C-101B-9397-08002B2CF9AE}" pid="6" name="TemplafyUserProfileId">
    <vt:lpwstr>1298463713530217846</vt:lpwstr>
  </property>
  <property fmtid="{D5CDD505-2E9C-101B-9397-08002B2CF9AE}" pid="7" name="TemplafyFromBlank">
    <vt:bool>true</vt:bool>
  </property>
</Properties>
</file>